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theme/themeOverride2.xml" ContentType="application/vnd.openxmlformats-officedocument.themeOverrid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3.xml" ContentType="application/vnd.openxmlformats-officedocument.themeOverr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4.xml" ContentType="application/vnd.openxmlformats-officedocument.themeOverrid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5.xml" ContentType="application/vnd.openxmlformats-officedocument.themeOverrid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6.xml" ContentType="application/vnd.openxmlformats-officedocument.themeOverrid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7.xml" ContentType="application/vnd.openxmlformats-officedocument.themeOverrid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56"/>
  </p:sldMasterIdLst>
  <p:notesMasterIdLst>
    <p:notesMasterId r:id="rId82"/>
  </p:notesMasterIdLst>
  <p:handoutMasterIdLst>
    <p:handoutMasterId r:id="rId83"/>
  </p:handoutMasterIdLst>
  <p:sldIdLst>
    <p:sldId id="257" r:id="rId57"/>
    <p:sldId id="320" r:id="rId58"/>
    <p:sldId id="298" r:id="rId59"/>
    <p:sldId id="321" r:id="rId60"/>
    <p:sldId id="322" r:id="rId61"/>
    <p:sldId id="324" r:id="rId62"/>
    <p:sldId id="323" r:id="rId63"/>
    <p:sldId id="303" r:id="rId64"/>
    <p:sldId id="319" r:id="rId65"/>
    <p:sldId id="265" r:id="rId66"/>
    <p:sldId id="325" r:id="rId67"/>
    <p:sldId id="264" r:id="rId68"/>
    <p:sldId id="266" r:id="rId69"/>
    <p:sldId id="317" r:id="rId70"/>
    <p:sldId id="318" r:id="rId71"/>
    <p:sldId id="268" r:id="rId72"/>
    <p:sldId id="316" r:id="rId73"/>
    <p:sldId id="269" r:id="rId74"/>
    <p:sldId id="270" r:id="rId75"/>
    <p:sldId id="271" r:id="rId76"/>
    <p:sldId id="285" r:id="rId77"/>
    <p:sldId id="304" r:id="rId78"/>
    <p:sldId id="294" r:id="rId79"/>
    <p:sldId id="273" r:id="rId80"/>
    <p:sldId id="272" r:id="rId8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DE6"/>
    <a:srgbClr val="3399FF"/>
    <a:srgbClr val="417FCB"/>
    <a:srgbClr val="26C1E6"/>
    <a:srgbClr val="FA3526"/>
    <a:srgbClr val="CD1305"/>
    <a:srgbClr val="65D7FF"/>
    <a:srgbClr val="6A91A2"/>
    <a:srgbClr val="5B88B1"/>
    <a:srgbClr val="B8110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839083B-2AAD-4003-8739-6099CCDD080F}" v="207" dt="2023-12-14T14:11:18.03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718"/>
  </p:normalViewPr>
  <p:slideViewPr>
    <p:cSldViewPr snapToGrid="0" snapToObjects="1">
      <p:cViewPr varScale="1">
        <p:scale>
          <a:sx n="110" d="100"/>
          <a:sy n="110" d="100"/>
        </p:scale>
        <p:origin x="492" y="10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84" d="100"/>
          <a:sy n="84" d="100"/>
        </p:scale>
        <p:origin x="382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7.xml"/><Relationship Id="rId68" Type="http://schemas.openxmlformats.org/officeDocument/2006/relationships/slide" Target="slides/slide12.xml"/><Relationship Id="rId84" Type="http://schemas.openxmlformats.org/officeDocument/2006/relationships/presProps" Target="presProps.xml"/><Relationship Id="rId89" Type="http://schemas.microsoft.com/office/2015/10/relationships/revisionInfo" Target="revisionInfo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slide" Target="slides/slide2.xml"/><Relationship Id="rId74" Type="http://schemas.openxmlformats.org/officeDocument/2006/relationships/slide" Target="slides/slide18.xml"/><Relationship Id="rId79" Type="http://schemas.openxmlformats.org/officeDocument/2006/relationships/slide" Target="slides/slide23.xml"/><Relationship Id="rId5" Type="http://schemas.openxmlformats.org/officeDocument/2006/relationships/customXml" Target="../customXml/item5.xml"/><Relationship Id="rId90" Type="http://schemas.microsoft.com/office/2018/10/relationships/authors" Target="authors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Master" Target="slideMasters/slideMaster1.xml"/><Relationship Id="rId64" Type="http://schemas.openxmlformats.org/officeDocument/2006/relationships/slide" Target="slides/slide8.xml"/><Relationship Id="rId69" Type="http://schemas.openxmlformats.org/officeDocument/2006/relationships/slide" Target="slides/slide13.xml"/><Relationship Id="rId77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6.xml"/><Relationship Id="rId80" Type="http://schemas.openxmlformats.org/officeDocument/2006/relationships/slide" Target="slides/slide24.xml"/><Relationship Id="rId85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3.xml"/><Relationship Id="rId67" Type="http://schemas.openxmlformats.org/officeDocument/2006/relationships/slide" Target="slides/slide1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6.xml"/><Relationship Id="rId70" Type="http://schemas.openxmlformats.org/officeDocument/2006/relationships/slide" Target="slides/slide14.xml"/><Relationship Id="rId75" Type="http://schemas.openxmlformats.org/officeDocument/2006/relationships/slide" Target="slides/slide19.xml"/><Relationship Id="rId83" Type="http://schemas.openxmlformats.org/officeDocument/2006/relationships/handoutMaster" Target="handoutMasters/handoutMaster1.xml"/><Relationship Id="rId88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4.xml"/><Relationship Id="rId65" Type="http://schemas.openxmlformats.org/officeDocument/2006/relationships/slide" Target="slides/slide9.xml"/><Relationship Id="rId73" Type="http://schemas.openxmlformats.org/officeDocument/2006/relationships/slide" Target="slides/slide17.xml"/><Relationship Id="rId78" Type="http://schemas.openxmlformats.org/officeDocument/2006/relationships/slide" Target="slides/slide22.xml"/><Relationship Id="rId81" Type="http://schemas.openxmlformats.org/officeDocument/2006/relationships/slide" Target="slides/slide25.xml"/><Relationship Id="rId86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20.xml"/><Relationship Id="rId7" Type="http://schemas.openxmlformats.org/officeDocument/2006/relationships/customXml" Target="../customXml/item7.xml"/><Relationship Id="rId71" Type="http://schemas.openxmlformats.org/officeDocument/2006/relationships/slide" Target="slides/slide15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0.xml"/><Relationship Id="rId87" Type="http://schemas.openxmlformats.org/officeDocument/2006/relationships/tableStyles" Target="tableStyles.xml"/><Relationship Id="rId61" Type="http://schemas.openxmlformats.org/officeDocument/2006/relationships/slide" Target="slides/slide5.xml"/><Relationship Id="rId82" Type="http://schemas.openxmlformats.org/officeDocument/2006/relationships/notesMaster" Target="notesMasters/notesMaster1.xml"/><Relationship Id="rId19" Type="http://schemas.openxmlformats.org/officeDocument/2006/relationships/customXml" Target="../customXml/item1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ttinger, James R" userId="a1950f07-3ad9-48eb-8a7a-55a8afe69a63" providerId="ADAL" clId="{4E011004-9AB3-469D-9AF7-76F83F51D3B5}"/>
    <pc:docChg chg="custSel addSld modSld">
      <pc:chgData name="Graettinger, James R" userId="a1950f07-3ad9-48eb-8a7a-55a8afe69a63" providerId="ADAL" clId="{4E011004-9AB3-469D-9AF7-76F83F51D3B5}" dt="2023-11-15T13:00:48.462" v="128" actId="20577"/>
      <pc:docMkLst>
        <pc:docMk/>
      </pc:docMkLst>
      <pc:sldChg chg="delSp modSp add mod">
        <pc:chgData name="Graettinger, James R" userId="a1950f07-3ad9-48eb-8a7a-55a8afe69a63" providerId="ADAL" clId="{4E011004-9AB3-469D-9AF7-76F83F51D3B5}" dt="2023-11-15T13:00:48.462" v="128" actId="20577"/>
        <pc:sldMkLst>
          <pc:docMk/>
          <pc:sldMk cId="100825657" sldId="315"/>
        </pc:sldMkLst>
        <pc:spChg chg="mod">
          <ac:chgData name="Graettinger, James R" userId="a1950f07-3ad9-48eb-8a7a-55a8afe69a63" providerId="ADAL" clId="{4E011004-9AB3-469D-9AF7-76F83F51D3B5}" dt="2023-11-15T12:59:43.160" v="40" actId="20577"/>
          <ac:spMkLst>
            <pc:docMk/>
            <pc:sldMk cId="100825657" sldId="315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4E011004-9AB3-469D-9AF7-76F83F51D3B5}" dt="2023-11-15T13:00:48.462" v="128" actId="20577"/>
          <ac:spMkLst>
            <pc:docMk/>
            <pc:sldMk cId="100825657" sldId="315"/>
            <ac:spMk id="4" creationId="{A87D3AC6-ABDD-4C72-A5BF-4B99B9975378}"/>
          </ac:spMkLst>
        </pc:spChg>
        <pc:spChg chg="del">
          <ac:chgData name="Graettinger, James R" userId="a1950f07-3ad9-48eb-8a7a-55a8afe69a63" providerId="ADAL" clId="{4E011004-9AB3-469D-9AF7-76F83F51D3B5}" dt="2023-11-15T12:59:57.238" v="43" actId="478"/>
          <ac:spMkLst>
            <pc:docMk/>
            <pc:sldMk cId="100825657" sldId="315"/>
            <ac:spMk id="5" creationId="{A87A51A8-4BC4-0E29-039F-1E64FAE0CD8B}"/>
          </ac:spMkLst>
        </pc:spChg>
        <pc:spChg chg="del">
          <ac:chgData name="Graettinger, James R" userId="a1950f07-3ad9-48eb-8a7a-55a8afe69a63" providerId="ADAL" clId="{4E011004-9AB3-469D-9AF7-76F83F51D3B5}" dt="2023-11-15T12:59:48.310" v="41" actId="478"/>
          <ac:spMkLst>
            <pc:docMk/>
            <pc:sldMk cId="100825657" sldId="315"/>
            <ac:spMk id="6" creationId="{49E18402-2099-24AF-B45F-9628D71826A4}"/>
          </ac:spMkLst>
        </pc:spChg>
        <pc:graphicFrameChg chg="del">
          <ac:chgData name="Graettinger, James R" userId="a1950f07-3ad9-48eb-8a7a-55a8afe69a63" providerId="ADAL" clId="{4E011004-9AB3-469D-9AF7-76F83F51D3B5}" dt="2023-11-15T12:59:52.797" v="42" actId="478"/>
          <ac:graphicFrameMkLst>
            <pc:docMk/>
            <pc:sldMk cId="100825657" sldId="315"/>
            <ac:graphicFrameMk id="3" creationId="{F8F2079D-64CB-5D52-4ABD-4E7FA7C4909D}"/>
          </ac:graphicFrameMkLst>
        </pc:graphicFrameChg>
      </pc:sldChg>
    </pc:docChg>
  </pc:docChgLst>
  <pc:docChgLst>
    <pc:chgData name="Graettinger, James R" userId="a1950f07-3ad9-48eb-8a7a-55a8afe69a63" providerId="ADAL" clId="{F839083B-2AAD-4003-8739-6099CCDD080F}"/>
    <pc:docChg chg="undo redo custSel addSld delSld modSld sldOrd">
      <pc:chgData name="Graettinger, James R" userId="a1950f07-3ad9-48eb-8a7a-55a8afe69a63" providerId="ADAL" clId="{F839083B-2AAD-4003-8739-6099CCDD080F}" dt="2023-12-14T14:16:17.124" v="4835" actId="20577"/>
      <pc:docMkLst>
        <pc:docMk/>
      </pc:docMkLst>
      <pc:sldChg chg="modSp mod">
        <pc:chgData name="Graettinger, James R" userId="a1950f07-3ad9-48eb-8a7a-55a8afe69a63" providerId="ADAL" clId="{F839083B-2AAD-4003-8739-6099CCDD080F}" dt="2023-12-07T19:57:43.172" v="7" actId="20577"/>
        <pc:sldMkLst>
          <pc:docMk/>
          <pc:sldMk cId="283344194" sldId="257"/>
        </pc:sldMkLst>
        <pc:spChg chg="mod">
          <ac:chgData name="Graettinger, James R" userId="a1950f07-3ad9-48eb-8a7a-55a8afe69a63" providerId="ADAL" clId="{F839083B-2AAD-4003-8739-6099CCDD080F}" dt="2023-12-07T19:57:43.172" v="7" actId="20577"/>
          <ac:spMkLst>
            <pc:docMk/>
            <pc:sldMk cId="283344194" sldId="257"/>
            <ac:spMk id="4" creationId="{07A78BA2-8743-4C64-8AF8-907A5F925590}"/>
          </ac:spMkLst>
        </pc:spChg>
      </pc:sldChg>
      <pc:sldChg chg="modSp del mod">
        <pc:chgData name="Graettinger, James R" userId="a1950f07-3ad9-48eb-8a7a-55a8afe69a63" providerId="ADAL" clId="{F839083B-2AAD-4003-8739-6099CCDD080F}" dt="2023-12-13T18:10:15.686" v="1746" actId="2696"/>
        <pc:sldMkLst>
          <pc:docMk/>
          <pc:sldMk cId="2189114264" sldId="263"/>
        </pc:sldMkLst>
        <pc:spChg chg="mod">
          <ac:chgData name="Graettinger, James R" userId="a1950f07-3ad9-48eb-8a7a-55a8afe69a63" providerId="ADAL" clId="{F839083B-2AAD-4003-8739-6099CCDD080F}" dt="2023-12-08T14:56:59.250" v="1742" actId="14100"/>
          <ac:spMkLst>
            <pc:docMk/>
            <pc:sldMk cId="2189114264" sldId="263"/>
            <ac:spMk id="3" creationId="{1945B4F2-1782-17EF-CA1C-DF5D6D1BF0B2}"/>
          </ac:spMkLst>
        </pc:spChg>
      </pc:sldChg>
      <pc:sldChg chg="addSp delSp modSp mod">
        <pc:chgData name="Graettinger, James R" userId="a1950f07-3ad9-48eb-8a7a-55a8afe69a63" providerId="ADAL" clId="{F839083B-2AAD-4003-8739-6099CCDD080F}" dt="2023-12-08T13:59:36.086" v="1168" actId="1076"/>
        <pc:sldMkLst>
          <pc:docMk/>
          <pc:sldMk cId="3553107953" sldId="264"/>
        </pc:sldMkLst>
        <pc:spChg chg="mod">
          <ac:chgData name="Graettinger, James R" userId="a1950f07-3ad9-48eb-8a7a-55a8afe69a63" providerId="ADAL" clId="{F839083B-2AAD-4003-8739-6099CCDD080F}" dt="2023-12-07T20:15:40.807" v="117" actId="1035"/>
          <ac:spMkLst>
            <pc:docMk/>
            <pc:sldMk cId="3553107953" sldId="26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F839083B-2AAD-4003-8739-6099CCDD080F}" dt="2023-12-08T13:59:36.086" v="1168" actId="1076"/>
          <ac:spMkLst>
            <pc:docMk/>
            <pc:sldMk cId="3553107953" sldId="264"/>
            <ac:spMk id="5" creationId="{CF7A818A-BBCE-E27E-73F9-33A9C44484C8}"/>
          </ac:spMkLst>
        </pc:spChg>
        <pc:graphicFrameChg chg="add del mod">
          <ac:chgData name="Graettinger, James R" userId="a1950f07-3ad9-48eb-8a7a-55a8afe69a63" providerId="ADAL" clId="{F839083B-2AAD-4003-8739-6099CCDD080F}" dt="2023-12-07T20:11:49.338" v="76"/>
          <ac:graphicFrameMkLst>
            <pc:docMk/>
            <pc:sldMk cId="3553107953" sldId="264"/>
            <ac:graphicFrameMk id="3" creationId="{5E2AA1B8-D676-4115-088F-68CC3DE48816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7T20:11:09.807" v="72" actId="478"/>
          <ac:graphicFrameMkLst>
            <pc:docMk/>
            <pc:sldMk cId="3553107953" sldId="264"/>
            <ac:graphicFrameMk id="4" creationId="{BDFE1DA1-1F83-8A13-49DA-828E2435E25C}"/>
          </ac:graphicFrameMkLst>
        </pc:graphicFrameChg>
        <pc:graphicFrameChg chg="add del mod modGraphic">
          <ac:chgData name="Graettinger, James R" userId="a1950f07-3ad9-48eb-8a7a-55a8afe69a63" providerId="ADAL" clId="{F839083B-2AAD-4003-8739-6099CCDD080F}" dt="2023-12-07T20:13:05.631" v="84" actId="478"/>
          <ac:graphicFrameMkLst>
            <pc:docMk/>
            <pc:sldMk cId="3553107953" sldId="264"/>
            <ac:graphicFrameMk id="6" creationId="{7C1E5E1A-6C05-32C2-164E-88867FD7CB24}"/>
          </ac:graphicFrameMkLst>
        </pc:graphicFrameChg>
        <pc:graphicFrameChg chg="add del mod modGraphic">
          <ac:chgData name="Graettinger, James R" userId="a1950f07-3ad9-48eb-8a7a-55a8afe69a63" providerId="ADAL" clId="{F839083B-2AAD-4003-8739-6099CCDD080F}" dt="2023-12-07T20:14:08.837" v="91" actId="478"/>
          <ac:graphicFrameMkLst>
            <pc:docMk/>
            <pc:sldMk cId="3553107953" sldId="264"/>
            <ac:graphicFrameMk id="7" creationId="{BE757DFC-F7AD-8643-99B1-57B9DB64D57E}"/>
          </ac:graphicFrameMkLst>
        </pc:graphicFrameChg>
        <pc:graphicFrameChg chg="add mod modGraphic">
          <ac:chgData name="Graettinger, James R" userId="a1950f07-3ad9-48eb-8a7a-55a8afe69a63" providerId="ADAL" clId="{F839083B-2AAD-4003-8739-6099CCDD080F}" dt="2023-12-08T13:58:52.535" v="1162" actId="14734"/>
          <ac:graphicFrameMkLst>
            <pc:docMk/>
            <pc:sldMk cId="3553107953" sldId="264"/>
            <ac:graphicFrameMk id="8" creationId="{4685CF55-6FB9-65C8-2A83-37518CD7727A}"/>
          </ac:graphicFrameMkLst>
        </pc:graphicFrameChg>
      </pc:sldChg>
      <pc:sldChg chg="modSp mod">
        <pc:chgData name="Graettinger, James R" userId="a1950f07-3ad9-48eb-8a7a-55a8afe69a63" providerId="ADAL" clId="{F839083B-2AAD-4003-8739-6099CCDD080F}" dt="2023-12-07T20:03:26.660" v="71" actId="20577"/>
        <pc:sldMkLst>
          <pc:docMk/>
          <pc:sldMk cId="245314703" sldId="265"/>
        </pc:sldMkLst>
        <pc:spChg chg="mod">
          <ac:chgData name="Graettinger, James R" userId="a1950f07-3ad9-48eb-8a7a-55a8afe69a63" providerId="ADAL" clId="{F839083B-2AAD-4003-8739-6099CCDD080F}" dt="2023-12-07T20:03:26.660" v="71" actId="20577"/>
          <ac:spMkLst>
            <pc:docMk/>
            <pc:sldMk cId="245314703" sldId="265"/>
            <ac:spMk id="4" creationId="{31E48660-B14E-46A0-87A7-9A990EABC68C}"/>
          </ac:spMkLst>
        </pc:spChg>
        <pc:spChg chg="mod">
          <ac:chgData name="Graettinger, James R" userId="a1950f07-3ad9-48eb-8a7a-55a8afe69a63" providerId="ADAL" clId="{F839083B-2AAD-4003-8739-6099CCDD080F}" dt="2023-12-07T19:59:10.653" v="40"/>
          <ac:spMkLst>
            <pc:docMk/>
            <pc:sldMk cId="245314703" sldId="265"/>
            <ac:spMk id="5" creationId="{25E5A4C4-A42F-4009-AE71-B6A53DFA6492}"/>
          </ac:spMkLst>
        </pc:spChg>
      </pc:sldChg>
      <pc:sldChg chg="addSp delSp modSp mod">
        <pc:chgData name="Graettinger, James R" userId="a1950f07-3ad9-48eb-8a7a-55a8afe69a63" providerId="ADAL" clId="{F839083B-2AAD-4003-8739-6099CCDD080F}" dt="2023-12-08T13:59:11.998" v="1165" actId="255"/>
        <pc:sldMkLst>
          <pc:docMk/>
          <pc:sldMk cId="698555507" sldId="266"/>
        </pc:sldMkLst>
        <pc:spChg chg="mod">
          <ac:chgData name="Graettinger, James R" userId="a1950f07-3ad9-48eb-8a7a-55a8afe69a63" providerId="ADAL" clId="{F839083B-2AAD-4003-8739-6099CCDD080F}" dt="2023-12-08T13:59:11.998" v="1165" actId="255"/>
          <ac:spMkLst>
            <pc:docMk/>
            <pc:sldMk cId="698555507" sldId="266"/>
            <ac:spMk id="4" creationId="{A92FB2EA-23B1-D7A2-7703-EF33171DF9E6}"/>
          </ac:spMkLst>
        </pc:spChg>
        <pc:graphicFrameChg chg="del">
          <ac:chgData name="Graettinger, James R" userId="a1950f07-3ad9-48eb-8a7a-55a8afe69a63" providerId="ADAL" clId="{F839083B-2AAD-4003-8739-6099CCDD080F}" dt="2023-12-07T20:20:22.083" v="121" actId="478"/>
          <ac:graphicFrameMkLst>
            <pc:docMk/>
            <pc:sldMk cId="698555507" sldId="266"/>
            <ac:graphicFrameMk id="3" creationId="{C08F7B2F-235D-D8E7-AF42-98AC72B494F0}"/>
          </ac:graphicFrameMkLst>
        </pc:graphicFrameChg>
        <pc:graphicFrameChg chg="add mod modGraphic">
          <ac:chgData name="Graettinger, James R" userId="a1950f07-3ad9-48eb-8a7a-55a8afe69a63" providerId="ADAL" clId="{F839083B-2AAD-4003-8739-6099CCDD080F}" dt="2023-12-08T13:58:14.419" v="1140"/>
          <ac:graphicFrameMkLst>
            <pc:docMk/>
            <pc:sldMk cId="698555507" sldId="266"/>
            <ac:graphicFrameMk id="5" creationId="{111B815C-3972-CBAA-21FA-7A8DB0F3861E}"/>
          </ac:graphicFrameMkLst>
        </pc:graphicFrameChg>
      </pc:sldChg>
      <pc:sldChg chg="addSp delSp modSp del mod">
        <pc:chgData name="Graettinger, James R" userId="a1950f07-3ad9-48eb-8a7a-55a8afe69a63" providerId="ADAL" clId="{F839083B-2AAD-4003-8739-6099CCDD080F}" dt="2023-12-08T14:49:43.601" v="1307" actId="47"/>
        <pc:sldMkLst>
          <pc:docMk/>
          <pc:sldMk cId="3974250819" sldId="267"/>
        </pc:sldMkLst>
        <pc:spChg chg="mod">
          <ac:chgData name="Graettinger, James R" userId="a1950f07-3ad9-48eb-8a7a-55a8afe69a63" providerId="ADAL" clId="{F839083B-2AAD-4003-8739-6099CCDD080F}" dt="2023-12-07T20:30:55.592" v="187" actId="20577"/>
          <ac:spMkLst>
            <pc:docMk/>
            <pc:sldMk cId="3974250819" sldId="267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F839083B-2AAD-4003-8739-6099CCDD080F}" dt="2023-12-08T13:59:53.423" v="1228"/>
          <ac:graphicFrameMkLst>
            <pc:docMk/>
            <pc:sldMk cId="3974250819" sldId="267"/>
            <ac:graphicFrameMk id="8" creationId="{B1C0444D-A0EE-3384-8F6F-50D280BEFF71}"/>
          </ac:graphicFrameMkLst>
        </pc:graphicFrameChg>
        <pc:picChg chg="add del mod">
          <ac:chgData name="Graettinger, James R" userId="a1950f07-3ad9-48eb-8a7a-55a8afe69a63" providerId="ADAL" clId="{F839083B-2AAD-4003-8739-6099CCDD080F}" dt="2023-12-07T20:29:11.596" v="153" actId="478"/>
          <ac:picMkLst>
            <pc:docMk/>
            <pc:sldMk cId="3974250819" sldId="267"/>
            <ac:picMk id="4" creationId="{592E506A-0B8D-AE3C-C38B-6C72CBF4B660}"/>
          </ac:picMkLst>
        </pc:picChg>
        <pc:picChg chg="add mod">
          <ac:chgData name="Graettinger, James R" userId="a1950f07-3ad9-48eb-8a7a-55a8afe69a63" providerId="ADAL" clId="{F839083B-2AAD-4003-8739-6099CCDD080F}" dt="2023-12-08T14:00:03.009" v="1229" actId="14100"/>
          <ac:picMkLst>
            <pc:docMk/>
            <pc:sldMk cId="3974250819" sldId="267"/>
            <ac:picMk id="6" creationId="{A8FEF28B-3303-4594-9034-C18BA78955A1}"/>
          </ac:picMkLst>
        </pc:picChg>
        <pc:picChg chg="del">
          <ac:chgData name="Graettinger, James R" userId="a1950f07-3ad9-48eb-8a7a-55a8afe69a63" providerId="ADAL" clId="{F839083B-2AAD-4003-8739-6099CCDD080F}" dt="2023-12-07T20:28:14.693" v="130" actId="478"/>
          <ac:picMkLst>
            <pc:docMk/>
            <pc:sldMk cId="3974250819" sldId="267"/>
            <ac:picMk id="7" creationId="{907DCB16-7A91-B988-A089-EEB40E08302D}"/>
          </ac:picMkLst>
        </pc:picChg>
      </pc:sldChg>
      <pc:sldChg chg="addSp delSp modSp mod">
        <pc:chgData name="Graettinger, James R" userId="a1950f07-3ad9-48eb-8a7a-55a8afe69a63" providerId="ADAL" clId="{F839083B-2AAD-4003-8739-6099CCDD080F}" dt="2023-12-08T13:52:15.423" v="948" actId="14100"/>
        <pc:sldMkLst>
          <pc:docMk/>
          <pc:sldMk cId="1139663799" sldId="268"/>
        </pc:sldMkLst>
        <pc:spChg chg="mod">
          <ac:chgData name="Graettinger, James R" userId="a1950f07-3ad9-48eb-8a7a-55a8afe69a63" providerId="ADAL" clId="{F839083B-2AAD-4003-8739-6099CCDD080F}" dt="2023-12-08T13:51:57.255" v="945" actId="1076"/>
          <ac:spMkLst>
            <pc:docMk/>
            <pc:sldMk cId="1139663799" sldId="268"/>
            <ac:spMk id="2" creationId="{B5317B44-90A8-441B-E964-B0AD1A853D35}"/>
          </ac:spMkLst>
        </pc:spChg>
        <pc:graphicFrameChg chg="add del mod">
          <ac:chgData name="Graettinger, James R" userId="a1950f07-3ad9-48eb-8a7a-55a8afe69a63" providerId="ADAL" clId="{F839083B-2AAD-4003-8739-6099CCDD080F}" dt="2023-12-08T13:51:47.579" v="943" actId="478"/>
          <ac:graphicFrameMkLst>
            <pc:docMk/>
            <pc:sldMk cId="1139663799" sldId="268"/>
            <ac:graphicFrameMk id="3" creationId="{4E99ED03-8449-4094-6567-3D39B107BCC0}"/>
          </ac:graphicFrameMkLst>
        </pc:graphicFrameChg>
        <pc:graphicFrameChg chg="add mod">
          <ac:chgData name="Graettinger, James R" userId="a1950f07-3ad9-48eb-8a7a-55a8afe69a63" providerId="ADAL" clId="{F839083B-2AAD-4003-8739-6099CCDD080F}" dt="2023-12-08T13:52:15.423" v="948" actId="14100"/>
          <ac:graphicFrameMkLst>
            <pc:docMk/>
            <pc:sldMk cId="1139663799" sldId="268"/>
            <ac:graphicFrameMk id="4" creationId="{7FE0B7F0-7124-C6DA-275A-2E4D91551D8D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3:46:13.596" v="934" actId="478"/>
          <ac:graphicFrameMkLst>
            <pc:docMk/>
            <pc:sldMk cId="1139663799" sldId="268"/>
            <ac:graphicFrameMk id="5" creationId="{D1CFE092-08D3-6CBA-1404-5B2DB9CCA8D9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3:46:50.536" v="937" actId="478"/>
          <ac:graphicFrameMkLst>
            <pc:docMk/>
            <pc:sldMk cId="1139663799" sldId="268"/>
            <ac:graphicFrameMk id="11" creationId="{4A628ABC-C472-6A01-12E6-97084DBBBCE9}"/>
          </ac:graphicFrameMkLst>
        </pc:graphicFrameChg>
      </pc:sldChg>
      <pc:sldChg chg="addSp delSp modSp mod">
        <pc:chgData name="Graettinger, James R" userId="a1950f07-3ad9-48eb-8a7a-55a8afe69a63" providerId="ADAL" clId="{F839083B-2AAD-4003-8739-6099CCDD080F}" dt="2023-12-08T13:28:23.221" v="933"/>
        <pc:sldMkLst>
          <pc:docMk/>
          <pc:sldMk cId="2470995215" sldId="269"/>
        </pc:sldMkLst>
        <pc:graphicFrameChg chg="add mod">
          <ac:chgData name="Graettinger, James R" userId="a1950f07-3ad9-48eb-8a7a-55a8afe69a63" providerId="ADAL" clId="{F839083B-2AAD-4003-8739-6099CCDD080F}" dt="2023-12-08T13:27:50.863" v="926"/>
          <ac:graphicFrameMkLst>
            <pc:docMk/>
            <pc:sldMk cId="2470995215" sldId="269"/>
            <ac:graphicFrameMk id="3" creationId="{926FBBF4-B90C-D60E-65C6-3FB1654FD0AE}"/>
          </ac:graphicFrameMkLst>
        </pc:graphicFrameChg>
        <pc:graphicFrameChg chg="add mod">
          <ac:chgData name="Graettinger, James R" userId="a1950f07-3ad9-48eb-8a7a-55a8afe69a63" providerId="ADAL" clId="{F839083B-2AAD-4003-8739-6099CCDD080F}" dt="2023-12-08T13:28:23.221" v="933"/>
          <ac:graphicFrameMkLst>
            <pc:docMk/>
            <pc:sldMk cId="2470995215" sldId="269"/>
            <ac:graphicFrameMk id="4" creationId="{926FBBF4-B90C-D60E-65C6-3FB1654FD0AE}"/>
          </ac:graphicFrameMkLst>
        </pc:graphicFrameChg>
        <pc:picChg chg="del">
          <ac:chgData name="Graettinger, James R" userId="a1950f07-3ad9-48eb-8a7a-55a8afe69a63" providerId="ADAL" clId="{F839083B-2AAD-4003-8739-6099CCDD080F}" dt="2023-12-08T13:24:18.514" v="923" actId="478"/>
          <ac:picMkLst>
            <pc:docMk/>
            <pc:sldMk cId="2470995215" sldId="269"/>
            <ac:picMk id="7" creationId="{25AA304C-46A0-3679-2F6F-7AC12A6E7C42}"/>
          </ac:picMkLst>
        </pc:picChg>
      </pc:sldChg>
      <pc:sldChg chg="addSp delSp modSp mod">
        <pc:chgData name="Graettinger, James R" userId="a1950f07-3ad9-48eb-8a7a-55a8afe69a63" providerId="ADAL" clId="{F839083B-2AAD-4003-8739-6099CCDD080F}" dt="2023-12-08T13:23:02.779" v="922" actId="14100"/>
        <pc:sldMkLst>
          <pc:docMk/>
          <pc:sldMk cId="881205594" sldId="270"/>
        </pc:sldMkLst>
        <pc:graphicFrameChg chg="add mod">
          <ac:chgData name="Graettinger, James R" userId="a1950f07-3ad9-48eb-8a7a-55a8afe69a63" providerId="ADAL" clId="{F839083B-2AAD-4003-8739-6099CCDD080F}" dt="2023-12-08T13:23:02.779" v="922" actId="14100"/>
          <ac:graphicFrameMkLst>
            <pc:docMk/>
            <pc:sldMk cId="881205594" sldId="270"/>
            <ac:graphicFrameMk id="3" creationId="{857FBE97-EEDE-C4A1-E85A-6A5B1AFEC801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3:19:54.188" v="878" actId="478"/>
          <ac:graphicFrameMkLst>
            <pc:docMk/>
            <pc:sldMk cId="881205594" sldId="270"/>
            <ac:graphicFrameMk id="10" creationId="{960840CA-36A8-80DD-549E-C9E2ECF4E06F}"/>
          </ac:graphicFrameMkLst>
        </pc:graphicFrameChg>
      </pc:sldChg>
      <pc:sldChg chg="addSp delSp modSp mod">
        <pc:chgData name="Graettinger, James R" userId="a1950f07-3ad9-48eb-8a7a-55a8afe69a63" providerId="ADAL" clId="{F839083B-2AAD-4003-8739-6099CCDD080F}" dt="2023-12-08T13:03:22.760" v="863" actId="113"/>
        <pc:sldMkLst>
          <pc:docMk/>
          <pc:sldMk cId="2782009179" sldId="271"/>
        </pc:sldMkLst>
        <pc:spChg chg="mod">
          <ac:chgData name="Graettinger, James R" userId="a1950f07-3ad9-48eb-8a7a-55a8afe69a63" providerId="ADAL" clId="{F839083B-2AAD-4003-8739-6099CCDD080F}" dt="2023-12-08T12:41:03.166" v="551"/>
          <ac:spMkLst>
            <pc:docMk/>
            <pc:sldMk cId="2782009179" sldId="271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F839083B-2AAD-4003-8739-6099CCDD080F}" dt="2023-12-08T12:59:34.670" v="848"/>
          <ac:graphicFrameMkLst>
            <pc:docMk/>
            <pc:sldMk cId="2782009179" sldId="271"/>
            <ac:graphicFrameMk id="3" creationId="{8CBBBC3A-FFDE-1462-F2F1-95B22D0EC62E}"/>
          </ac:graphicFrameMkLst>
        </pc:graphicFrameChg>
        <pc:graphicFrameChg chg="add mod">
          <ac:chgData name="Graettinger, James R" userId="a1950f07-3ad9-48eb-8a7a-55a8afe69a63" providerId="ADAL" clId="{F839083B-2AAD-4003-8739-6099CCDD080F}" dt="2023-12-08T13:03:22.760" v="863" actId="113"/>
          <ac:graphicFrameMkLst>
            <pc:docMk/>
            <pc:sldMk cId="2782009179" sldId="271"/>
            <ac:graphicFrameMk id="4" creationId="{8CBBBC3A-FFDE-1462-F2F1-95B22D0EC62E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2:59:31.447" v="845" actId="478"/>
          <ac:graphicFrameMkLst>
            <pc:docMk/>
            <pc:sldMk cId="2782009179" sldId="271"/>
            <ac:graphicFrameMk id="5" creationId="{32966BCB-DFC6-8AD2-371D-D7023A01018C}"/>
          </ac:graphicFrameMkLst>
        </pc:graphicFrameChg>
      </pc:sldChg>
      <pc:sldChg chg="addSp delSp modSp mod modClrScheme chgLayout">
        <pc:chgData name="Graettinger, James R" userId="a1950f07-3ad9-48eb-8a7a-55a8afe69a63" providerId="ADAL" clId="{F839083B-2AAD-4003-8739-6099CCDD080F}" dt="2023-12-07T21:27:53.944" v="397" actId="1076"/>
        <pc:sldMkLst>
          <pc:docMk/>
          <pc:sldMk cId="1229003183" sldId="272"/>
        </pc:sldMkLst>
        <pc:spChg chg="add del mod">
          <ac:chgData name="Graettinger, James R" userId="a1950f07-3ad9-48eb-8a7a-55a8afe69a63" providerId="ADAL" clId="{F839083B-2AAD-4003-8739-6099CCDD080F}" dt="2023-12-07T21:23:19.336" v="236" actId="478"/>
          <ac:spMkLst>
            <pc:docMk/>
            <pc:sldMk cId="1229003183" sldId="272"/>
            <ac:spMk id="2" creationId="{B5317B44-90A8-441B-E964-B0AD1A853D35}"/>
          </ac:spMkLst>
        </pc:spChg>
        <pc:spChg chg="add del mod">
          <ac:chgData name="Graettinger, James R" userId="a1950f07-3ad9-48eb-8a7a-55a8afe69a63" providerId="ADAL" clId="{F839083B-2AAD-4003-8739-6099CCDD080F}" dt="2023-12-07T21:23:24.060" v="237" actId="478"/>
          <ac:spMkLst>
            <pc:docMk/>
            <pc:sldMk cId="1229003183" sldId="272"/>
            <ac:spMk id="5" creationId="{95F7F150-A38C-0470-5065-79EA3A69A144}"/>
          </ac:spMkLst>
        </pc:spChg>
        <pc:spChg chg="add del mod">
          <ac:chgData name="Graettinger, James R" userId="a1950f07-3ad9-48eb-8a7a-55a8afe69a63" providerId="ADAL" clId="{F839083B-2AAD-4003-8739-6099CCDD080F}" dt="2023-12-07T21:22:34.273" v="221" actId="26606"/>
          <ac:spMkLst>
            <pc:docMk/>
            <pc:sldMk cId="1229003183" sldId="272"/>
            <ac:spMk id="3076" creationId="{093602AD-B662-16C3-B979-C8A35264F1D6}"/>
          </ac:spMkLst>
        </pc:spChg>
        <pc:spChg chg="add del mod">
          <ac:chgData name="Graettinger, James R" userId="a1950f07-3ad9-48eb-8a7a-55a8afe69a63" providerId="ADAL" clId="{F839083B-2AAD-4003-8739-6099CCDD080F}" dt="2023-12-07T21:20:59.687" v="209" actId="26606"/>
          <ac:spMkLst>
            <pc:docMk/>
            <pc:sldMk cId="1229003183" sldId="272"/>
            <ac:spMk id="3079" creationId="{DFAC7DB6-8432-075A-DA5F-6ACB77ADF049}"/>
          </ac:spMkLst>
        </pc:spChg>
        <pc:spChg chg="add mod">
          <ac:chgData name="Graettinger, James R" userId="a1950f07-3ad9-48eb-8a7a-55a8afe69a63" providerId="ADAL" clId="{F839083B-2AAD-4003-8739-6099CCDD080F}" dt="2023-12-07T21:27:34.659" v="393" actId="255"/>
          <ac:spMkLst>
            <pc:docMk/>
            <pc:sldMk cId="1229003183" sldId="272"/>
            <ac:spMk id="3080" creationId="{3C9C9BA9-B9A5-8E5E-94A6-EEDE57FC92BF}"/>
          </ac:spMkLst>
        </pc:spChg>
        <pc:spChg chg="add del mod">
          <ac:chgData name="Graettinger, James R" userId="a1950f07-3ad9-48eb-8a7a-55a8afe69a63" providerId="ADAL" clId="{F839083B-2AAD-4003-8739-6099CCDD080F}" dt="2023-12-07T21:22:34.273" v="221" actId="26606"/>
          <ac:spMkLst>
            <pc:docMk/>
            <pc:sldMk cId="1229003183" sldId="272"/>
            <ac:spMk id="3081" creationId="{2895808C-1073-526C-5F56-C5797C05B40E}"/>
          </ac:spMkLst>
        </pc:spChg>
        <pc:spChg chg="add del mod">
          <ac:chgData name="Graettinger, James R" userId="a1950f07-3ad9-48eb-8a7a-55a8afe69a63" providerId="ADAL" clId="{F839083B-2AAD-4003-8739-6099CCDD080F}" dt="2023-12-07T21:23:01.510" v="225" actId="26606"/>
          <ac:spMkLst>
            <pc:docMk/>
            <pc:sldMk cId="1229003183" sldId="272"/>
            <ac:spMk id="3083" creationId="{27A0352E-8256-9A74-ECAD-430517F00898}"/>
          </ac:spMkLst>
        </pc:spChg>
        <pc:picChg chg="add del">
          <ac:chgData name="Graettinger, James R" userId="a1950f07-3ad9-48eb-8a7a-55a8afe69a63" providerId="ADAL" clId="{F839083B-2AAD-4003-8739-6099CCDD080F}" dt="2023-12-07T21:23:26.778" v="238" actId="478"/>
          <ac:picMkLst>
            <pc:docMk/>
            <pc:sldMk cId="1229003183" sldId="272"/>
            <ac:picMk id="4" creationId="{E964E5D6-2D26-F667-4D40-C2A58423B407}"/>
          </ac:picMkLst>
        </pc:picChg>
        <pc:picChg chg="add del mod">
          <ac:chgData name="Graettinger, James R" userId="a1950f07-3ad9-48eb-8a7a-55a8afe69a63" providerId="ADAL" clId="{F839083B-2AAD-4003-8739-6099CCDD080F}" dt="2023-12-07T21:23:11.148" v="232"/>
          <ac:picMkLst>
            <pc:docMk/>
            <pc:sldMk cId="1229003183" sldId="272"/>
            <ac:picMk id="3074" creationId="{3FE0F675-AE7E-7F40-1A7A-F9DE672B3004}"/>
          </ac:picMkLst>
        </pc:picChg>
        <pc:picChg chg="add mod">
          <ac:chgData name="Graettinger, James R" userId="a1950f07-3ad9-48eb-8a7a-55a8afe69a63" providerId="ADAL" clId="{F839083B-2AAD-4003-8739-6099CCDD080F}" dt="2023-12-07T21:27:53.944" v="397" actId="1076"/>
          <ac:picMkLst>
            <pc:docMk/>
            <pc:sldMk cId="1229003183" sldId="272"/>
            <ac:picMk id="3075" creationId="{FAD979CE-E068-8111-CCEB-B8738208EAB7}"/>
          </ac:picMkLst>
        </pc:picChg>
      </pc:sldChg>
      <pc:sldChg chg="addSp delSp modSp mod ord modClrScheme chgLayout">
        <pc:chgData name="Graettinger, James R" userId="a1950f07-3ad9-48eb-8a7a-55a8afe69a63" providerId="ADAL" clId="{F839083B-2AAD-4003-8739-6099CCDD080F}" dt="2023-12-07T21:26:51.409" v="389" actId="255"/>
        <pc:sldMkLst>
          <pc:docMk/>
          <pc:sldMk cId="3230707000" sldId="273"/>
        </pc:sldMkLst>
        <pc:spChg chg="add del">
          <ac:chgData name="Graettinger, James R" userId="a1950f07-3ad9-48eb-8a7a-55a8afe69a63" providerId="ADAL" clId="{F839083B-2AAD-4003-8739-6099CCDD080F}" dt="2023-12-07T21:23:31.638" v="239" actId="478"/>
          <ac:spMkLst>
            <pc:docMk/>
            <pc:sldMk cId="3230707000" sldId="273"/>
            <ac:spMk id="2" creationId="{B5317B44-90A8-441B-E964-B0AD1A853D35}"/>
          </ac:spMkLst>
        </pc:spChg>
        <pc:spChg chg="add del mod">
          <ac:chgData name="Graettinger, James R" userId="a1950f07-3ad9-48eb-8a7a-55a8afe69a63" providerId="ADAL" clId="{F839083B-2AAD-4003-8739-6099CCDD080F}" dt="2023-12-07T21:23:09.428" v="229" actId="478"/>
          <ac:spMkLst>
            <pc:docMk/>
            <pc:sldMk cId="3230707000" sldId="273"/>
            <ac:spMk id="5" creationId="{74CDCC64-D407-CD8F-7178-58A9A3F6F9A3}"/>
          </ac:spMkLst>
        </pc:spChg>
        <pc:spChg chg="add del mod">
          <ac:chgData name="Graettinger, James R" userId="a1950f07-3ad9-48eb-8a7a-55a8afe69a63" providerId="ADAL" clId="{F839083B-2AAD-4003-8739-6099CCDD080F}" dt="2023-12-07T21:23:36.409" v="240" actId="478"/>
          <ac:spMkLst>
            <pc:docMk/>
            <pc:sldMk cId="3230707000" sldId="273"/>
            <ac:spMk id="7" creationId="{20DA3EC1-8BC7-A19F-B227-EF07ED4A9690}"/>
          </ac:spMkLst>
        </pc:spChg>
        <pc:spChg chg="add mod">
          <ac:chgData name="Graettinger, James R" userId="a1950f07-3ad9-48eb-8a7a-55a8afe69a63" providerId="ADAL" clId="{F839083B-2AAD-4003-8739-6099CCDD080F}" dt="2023-12-07T21:26:51.409" v="389" actId="255"/>
          <ac:spMkLst>
            <pc:docMk/>
            <pc:sldMk cId="3230707000" sldId="273"/>
            <ac:spMk id="13" creationId="{44218296-BE2B-90EC-EB5C-E8D997DFFD00}"/>
          </ac:spMkLst>
        </pc:spChg>
        <pc:spChg chg="add del">
          <ac:chgData name="Graettinger, James R" userId="a1950f07-3ad9-48eb-8a7a-55a8afe69a63" providerId="ADAL" clId="{F839083B-2AAD-4003-8739-6099CCDD080F}" dt="2023-12-07T21:24:26.918" v="250" actId="26606"/>
          <ac:spMkLst>
            <pc:docMk/>
            <pc:sldMk cId="3230707000" sldId="273"/>
            <ac:spMk id="4102" creationId="{00CE3BAE-4353-8AC2-D7D3-999C1F9A95B3}"/>
          </ac:spMkLst>
        </pc:spChg>
        <pc:spChg chg="add del mod">
          <ac:chgData name="Graettinger, James R" userId="a1950f07-3ad9-48eb-8a7a-55a8afe69a63" providerId="ADAL" clId="{F839083B-2AAD-4003-8739-6099CCDD080F}" dt="2023-12-07T21:21:30.139" v="214" actId="26606"/>
          <ac:spMkLst>
            <pc:docMk/>
            <pc:sldMk cId="3230707000" sldId="273"/>
            <ac:spMk id="4104" creationId="{06A69266-1DF5-CC73-7DCD-5C55AD501B9C}"/>
          </ac:spMkLst>
        </pc:spChg>
        <pc:spChg chg="add del mod">
          <ac:chgData name="Graettinger, James R" userId="a1950f07-3ad9-48eb-8a7a-55a8afe69a63" providerId="ADAL" clId="{F839083B-2AAD-4003-8739-6099CCDD080F}" dt="2023-12-07T21:24:20.167" v="248" actId="26606"/>
          <ac:spMkLst>
            <pc:docMk/>
            <pc:sldMk cId="3230707000" sldId="273"/>
            <ac:spMk id="4105" creationId="{D5F99582-1F8D-F241-D0A5-6B421E75B4A2}"/>
          </ac:spMkLst>
        </pc:spChg>
        <pc:picChg chg="add del">
          <ac:chgData name="Graettinger, James R" userId="a1950f07-3ad9-48eb-8a7a-55a8afe69a63" providerId="ADAL" clId="{F839083B-2AAD-4003-8739-6099CCDD080F}" dt="2023-12-07T21:23:38.300" v="241" actId="478"/>
          <ac:picMkLst>
            <pc:docMk/>
            <pc:sldMk cId="3230707000" sldId="273"/>
            <ac:picMk id="4" creationId="{44ECE02C-DE73-570F-EB24-18838BF49E87}"/>
          </ac:picMkLst>
        </pc:picChg>
        <pc:picChg chg="add mod">
          <ac:chgData name="Graettinger, James R" userId="a1950f07-3ad9-48eb-8a7a-55a8afe69a63" providerId="ADAL" clId="{F839083B-2AAD-4003-8739-6099CCDD080F}" dt="2023-12-07T21:25:08.386" v="267" actId="27614"/>
          <ac:picMkLst>
            <pc:docMk/>
            <pc:sldMk cId="3230707000" sldId="273"/>
            <ac:picMk id="8" creationId="{365883FB-1ACC-9300-9A19-502BD10471F8}"/>
          </ac:picMkLst>
        </pc:picChg>
        <pc:picChg chg="add del mod">
          <ac:chgData name="Graettinger, James R" userId="a1950f07-3ad9-48eb-8a7a-55a8afe69a63" providerId="ADAL" clId="{F839083B-2AAD-4003-8739-6099CCDD080F}" dt="2023-12-07T21:21:15.900" v="211"/>
          <ac:picMkLst>
            <pc:docMk/>
            <pc:sldMk cId="3230707000" sldId="273"/>
            <ac:picMk id="4098" creationId="{0285E792-7649-F3A1-0007-3A4FDAA507F9}"/>
          </ac:picMkLst>
        </pc:picChg>
        <pc:picChg chg="add del mod">
          <ac:chgData name="Graettinger, James R" userId="a1950f07-3ad9-48eb-8a7a-55a8afe69a63" providerId="ADAL" clId="{F839083B-2AAD-4003-8739-6099CCDD080F}" dt="2023-12-07T21:23:07.822" v="227"/>
          <ac:picMkLst>
            <pc:docMk/>
            <pc:sldMk cId="3230707000" sldId="273"/>
            <ac:picMk id="4099" creationId="{EBF211A5-60F5-F20F-D30E-D7E59E8D5408}"/>
          </ac:picMkLst>
        </pc:picChg>
        <pc:picChg chg="add del mod">
          <ac:chgData name="Graettinger, James R" userId="a1950f07-3ad9-48eb-8a7a-55a8afe69a63" providerId="ADAL" clId="{F839083B-2AAD-4003-8739-6099CCDD080F}" dt="2023-12-07T21:24:27.529" v="251"/>
          <ac:picMkLst>
            <pc:docMk/>
            <pc:sldMk cId="3230707000" sldId="273"/>
            <ac:picMk id="4100" creationId="{A2EF25B6-2C04-E7DD-F4FA-C531C821C15A}"/>
          </ac:picMkLst>
        </pc:picChg>
      </pc:sldChg>
      <pc:sldChg chg="addSp delSp modSp mod">
        <pc:chgData name="Graettinger, James R" userId="a1950f07-3ad9-48eb-8a7a-55a8afe69a63" providerId="ADAL" clId="{F839083B-2AAD-4003-8739-6099CCDD080F}" dt="2023-12-08T13:03:06.230" v="861" actId="14100"/>
        <pc:sldMkLst>
          <pc:docMk/>
          <pc:sldMk cId="343700430" sldId="285"/>
        </pc:sldMkLst>
        <pc:spChg chg="mod">
          <ac:chgData name="Graettinger, James R" userId="a1950f07-3ad9-48eb-8a7a-55a8afe69a63" providerId="ADAL" clId="{F839083B-2AAD-4003-8739-6099CCDD080F}" dt="2023-12-08T12:40:53.637" v="548"/>
          <ac:spMkLst>
            <pc:docMk/>
            <pc:sldMk cId="343700430" sldId="285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F839083B-2AAD-4003-8739-6099CCDD080F}" dt="2023-12-08T12:53:09.911" v="823"/>
          <ac:graphicFrameMkLst>
            <pc:docMk/>
            <pc:sldMk cId="343700430" sldId="285"/>
            <ac:graphicFrameMk id="3" creationId="{A674564D-D9FD-CEE5-3E25-206B2BEAA711}"/>
          </ac:graphicFrameMkLst>
        </pc:graphicFrameChg>
        <pc:graphicFrameChg chg="add del mod">
          <ac:chgData name="Graettinger, James R" userId="a1950f07-3ad9-48eb-8a7a-55a8afe69a63" providerId="ADAL" clId="{F839083B-2AAD-4003-8739-6099CCDD080F}" dt="2023-12-08T13:02:40.897" v="855" actId="478"/>
          <ac:graphicFrameMkLst>
            <pc:docMk/>
            <pc:sldMk cId="343700430" sldId="285"/>
            <ac:graphicFrameMk id="4" creationId="{A674564D-D9FD-CEE5-3E25-206B2BEAA711}"/>
          </ac:graphicFrameMkLst>
        </pc:graphicFrameChg>
        <pc:graphicFrameChg chg="add mod">
          <ac:chgData name="Graettinger, James R" userId="a1950f07-3ad9-48eb-8a7a-55a8afe69a63" providerId="ADAL" clId="{F839083B-2AAD-4003-8739-6099CCDD080F}" dt="2023-12-08T13:03:06.230" v="861" actId="14100"/>
          <ac:graphicFrameMkLst>
            <pc:docMk/>
            <pc:sldMk cId="343700430" sldId="285"/>
            <ac:graphicFrameMk id="5" creationId="{9D0D0AE6-B214-7657-847C-C39CF3D3F5FA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2:52:51.918" v="820" actId="478"/>
          <ac:graphicFrameMkLst>
            <pc:docMk/>
            <pc:sldMk cId="343700430" sldId="285"/>
            <ac:graphicFrameMk id="7" creationId="{E894CD7E-3C7D-F2AF-CB41-BABDD2FCEB29}"/>
          </ac:graphicFrameMkLst>
        </pc:graphicFrameChg>
      </pc:sldChg>
      <pc:sldChg chg="addSp delSp modSp mod">
        <pc:chgData name="Graettinger, James R" userId="a1950f07-3ad9-48eb-8a7a-55a8afe69a63" providerId="ADAL" clId="{F839083B-2AAD-4003-8739-6099CCDD080F}" dt="2023-12-08T13:05:26.274" v="877"/>
        <pc:sldMkLst>
          <pc:docMk/>
          <pc:sldMk cId="3544089132" sldId="294"/>
        </pc:sldMkLst>
        <pc:spChg chg="mod">
          <ac:chgData name="Graettinger, James R" userId="a1950f07-3ad9-48eb-8a7a-55a8afe69a63" providerId="ADAL" clId="{F839083B-2AAD-4003-8739-6099CCDD080F}" dt="2023-12-07T21:41:03.169" v="439" actId="20577"/>
          <ac:spMkLst>
            <pc:docMk/>
            <pc:sldMk cId="3544089132" sldId="294"/>
            <ac:spMk id="2" creationId="{B5317B44-90A8-441B-E964-B0AD1A853D35}"/>
          </ac:spMkLst>
        </pc:spChg>
        <pc:spChg chg="add mod">
          <ac:chgData name="Graettinger, James R" userId="a1950f07-3ad9-48eb-8a7a-55a8afe69a63" providerId="ADAL" clId="{F839083B-2AAD-4003-8739-6099CCDD080F}" dt="2023-12-07T21:42:09.448" v="473" actId="20577"/>
          <ac:spMkLst>
            <pc:docMk/>
            <pc:sldMk cId="3544089132" sldId="294"/>
            <ac:spMk id="5" creationId="{685BBE08-3646-FD86-DD91-FE2F13FD3B14}"/>
          </ac:spMkLst>
        </pc:spChg>
        <pc:spChg chg="del mod">
          <ac:chgData name="Graettinger, James R" userId="a1950f07-3ad9-48eb-8a7a-55a8afe69a63" providerId="ADAL" clId="{F839083B-2AAD-4003-8739-6099CCDD080F}" dt="2023-12-07T21:40:36.984" v="411" actId="478"/>
          <ac:spMkLst>
            <pc:docMk/>
            <pc:sldMk cId="3544089132" sldId="294"/>
            <ac:spMk id="6" creationId="{B1FB4E99-BDC5-85F0-F6A0-1CC1BE2AF76D}"/>
          </ac:spMkLst>
        </pc:spChg>
        <pc:graphicFrameChg chg="add mod">
          <ac:chgData name="Graettinger, James R" userId="a1950f07-3ad9-48eb-8a7a-55a8afe69a63" providerId="ADAL" clId="{F839083B-2AAD-4003-8739-6099CCDD080F}" dt="2023-12-08T13:05:26.274" v="877"/>
          <ac:graphicFrameMkLst>
            <pc:docMk/>
            <pc:sldMk cId="3544089132" sldId="294"/>
            <ac:graphicFrameMk id="3" creationId="{FCB85951-5D47-8813-1003-AEB501DB8A51}"/>
          </ac:graphicFrameMkLst>
        </pc:graphicFrameChg>
        <pc:graphicFrameChg chg="del mod">
          <ac:chgData name="Graettinger, James R" userId="a1950f07-3ad9-48eb-8a7a-55a8afe69a63" providerId="ADAL" clId="{F839083B-2AAD-4003-8739-6099CCDD080F}" dt="2023-12-07T21:39:17.806" v="399" actId="478"/>
          <ac:graphicFrameMkLst>
            <pc:docMk/>
            <pc:sldMk cId="3544089132" sldId="294"/>
            <ac:graphicFrameMk id="4" creationId="{9FD701D9-1D61-7358-E602-4B3BF4B5DD0F}"/>
          </ac:graphicFrameMkLst>
        </pc:graphicFrameChg>
      </pc:sldChg>
      <pc:sldChg chg="addSp delSp modSp del mod">
        <pc:chgData name="Graettinger, James R" userId="a1950f07-3ad9-48eb-8a7a-55a8afe69a63" providerId="ADAL" clId="{F839083B-2AAD-4003-8739-6099CCDD080F}" dt="2023-12-14T13:43:52.348" v="4181" actId="20577"/>
        <pc:sldMkLst>
          <pc:docMk/>
          <pc:sldMk cId="843786065" sldId="298"/>
        </pc:sldMkLst>
        <pc:spChg chg="mod">
          <ac:chgData name="Graettinger, James R" userId="a1950f07-3ad9-48eb-8a7a-55a8afe69a63" providerId="ADAL" clId="{F839083B-2AAD-4003-8739-6099CCDD080F}" dt="2023-12-14T13:41:44.214" v="4024" actId="1076"/>
          <ac:spMkLst>
            <pc:docMk/>
            <pc:sldMk cId="843786065" sldId="298"/>
            <ac:spMk id="4" creationId="{A87D3AC6-ABDD-4C72-A5BF-4B99B9975378}"/>
          </ac:spMkLst>
        </pc:spChg>
        <pc:spChg chg="del">
          <ac:chgData name="Graettinger, James R" userId="a1950f07-3ad9-48eb-8a7a-55a8afe69a63" providerId="ADAL" clId="{F839083B-2AAD-4003-8739-6099CCDD080F}" dt="2023-12-13T18:10:57.124" v="1801" actId="478"/>
          <ac:spMkLst>
            <pc:docMk/>
            <pc:sldMk cId="843786065" sldId="298"/>
            <ac:spMk id="5" creationId="{A87A51A8-4BC4-0E29-039F-1E64FAE0CD8B}"/>
          </ac:spMkLst>
        </pc:spChg>
        <pc:spChg chg="del mod">
          <ac:chgData name="Graettinger, James R" userId="a1950f07-3ad9-48eb-8a7a-55a8afe69a63" providerId="ADAL" clId="{F839083B-2AAD-4003-8739-6099CCDD080F}" dt="2023-12-13T18:11:30.427" v="1810"/>
          <ac:spMkLst>
            <pc:docMk/>
            <pc:sldMk cId="843786065" sldId="298"/>
            <ac:spMk id="6" creationId="{49E18402-2099-24AF-B45F-9628D71826A4}"/>
          </ac:spMkLst>
        </pc:spChg>
        <pc:spChg chg="add mod">
          <ac:chgData name="Graettinger, James R" userId="a1950f07-3ad9-48eb-8a7a-55a8afe69a63" providerId="ADAL" clId="{F839083B-2AAD-4003-8739-6099CCDD080F}" dt="2023-12-14T13:43:52.348" v="4181" actId="20577"/>
          <ac:spMkLst>
            <pc:docMk/>
            <pc:sldMk cId="843786065" sldId="298"/>
            <ac:spMk id="7" creationId="{FF8B25BE-9DDA-3735-7B42-AB2F9DC833CD}"/>
          </ac:spMkLst>
        </pc:spChg>
        <pc:graphicFrameChg chg="del modGraphic">
          <ac:chgData name="Graettinger, James R" userId="a1950f07-3ad9-48eb-8a7a-55a8afe69a63" providerId="ADAL" clId="{F839083B-2AAD-4003-8739-6099CCDD080F}" dt="2023-12-13T18:11:03.617" v="1803" actId="478"/>
          <ac:graphicFrameMkLst>
            <pc:docMk/>
            <pc:sldMk cId="843786065" sldId="298"/>
            <ac:graphicFrameMk id="3" creationId="{F8F2079D-64CB-5D52-4ABD-4E7FA7C4909D}"/>
          </ac:graphicFrameMkLst>
        </pc:graphicFrameChg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4266136594" sldId="299"/>
        </pc:sldMkLst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404811472" sldId="300"/>
        </pc:sldMkLst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2306104879" sldId="301"/>
        </pc:sldMkLst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3385275309" sldId="302"/>
        </pc:sldMkLst>
      </pc:sldChg>
      <pc:sldChg chg="addSp delSp modSp add del mod">
        <pc:chgData name="Graettinger, James R" userId="a1950f07-3ad9-48eb-8a7a-55a8afe69a63" providerId="ADAL" clId="{F839083B-2AAD-4003-8739-6099CCDD080F}" dt="2023-12-14T13:53:01.416" v="4638" actId="113"/>
        <pc:sldMkLst>
          <pc:docMk/>
          <pc:sldMk cId="3226172196" sldId="303"/>
        </pc:sldMkLst>
        <pc:spChg chg="del mod">
          <ac:chgData name="Graettinger, James R" userId="a1950f07-3ad9-48eb-8a7a-55a8afe69a63" providerId="ADAL" clId="{F839083B-2AAD-4003-8739-6099CCDD080F}" dt="2023-12-14T13:50:05.241" v="4408"/>
          <ac:spMkLst>
            <pc:docMk/>
            <pc:sldMk cId="3226172196" sldId="303"/>
            <ac:spMk id="4" creationId="{A87D3AC6-ABDD-4C72-A5BF-4B99B9975378}"/>
          </ac:spMkLst>
        </pc:spChg>
        <pc:spChg chg="add mod">
          <ac:chgData name="Graettinger, James R" userId="a1950f07-3ad9-48eb-8a7a-55a8afe69a63" providerId="ADAL" clId="{F839083B-2AAD-4003-8739-6099CCDD080F}" dt="2023-12-14T13:53:01.416" v="4638" actId="113"/>
          <ac:spMkLst>
            <pc:docMk/>
            <pc:sldMk cId="3226172196" sldId="303"/>
            <ac:spMk id="5" creationId="{574C4B49-5F7F-4CAD-4B78-D5CB6BEAE2F9}"/>
          </ac:spMkLst>
        </pc:spChg>
        <pc:graphicFrameChg chg="del">
          <ac:chgData name="Graettinger, James R" userId="a1950f07-3ad9-48eb-8a7a-55a8afe69a63" providerId="ADAL" clId="{F839083B-2AAD-4003-8739-6099CCDD080F}" dt="2023-12-14T13:45:29.424" v="4205" actId="478"/>
          <ac:graphicFrameMkLst>
            <pc:docMk/>
            <pc:sldMk cId="3226172196" sldId="303"/>
            <ac:graphicFrameMk id="3" creationId="{84A4F2BE-6A2F-41BD-1F98-C473D05DE464}"/>
          </ac:graphicFrameMkLst>
        </pc:graphicFrameChg>
      </pc:sldChg>
      <pc:sldChg chg="addSp delSp modSp mod">
        <pc:chgData name="Graettinger, James R" userId="a1950f07-3ad9-48eb-8a7a-55a8afe69a63" providerId="ADAL" clId="{F839083B-2AAD-4003-8739-6099CCDD080F}" dt="2023-12-08T12:43:58.725" v="819" actId="20577"/>
        <pc:sldMkLst>
          <pc:docMk/>
          <pc:sldMk cId="1233191994" sldId="304"/>
        </pc:sldMkLst>
        <pc:spChg chg="mod">
          <ac:chgData name="Graettinger, James R" userId="a1950f07-3ad9-48eb-8a7a-55a8afe69a63" providerId="ADAL" clId="{F839083B-2AAD-4003-8739-6099CCDD080F}" dt="2023-12-08T12:42:03.568" v="553" actId="20577"/>
          <ac:spMkLst>
            <pc:docMk/>
            <pc:sldMk cId="1233191994" sldId="30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F839083B-2AAD-4003-8739-6099CCDD080F}" dt="2023-12-08T12:40:01.469" v="547" actId="1076"/>
          <ac:spMkLst>
            <pc:docMk/>
            <pc:sldMk cId="1233191994" sldId="304"/>
            <ac:spMk id="3" creationId="{2B245E3B-EAA4-58A6-ABE1-FC2B8AF32DD2}"/>
          </ac:spMkLst>
        </pc:spChg>
        <pc:spChg chg="add del mod">
          <ac:chgData name="Graettinger, James R" userId="a1950f07-3ad9-48eb-8a7a-55a8afe69a63" providerId="ADAL" clId="{F839083B-2AAD-4003-8739-6099CCDD080F}" dt="2023-12-08T12:42:05.442" v="555"/>
          <ac:spMkLst>
            <pc:docMk/>
            <pc:sldMk cId="1233191994" sldId="304"/>
            <ac:spMk id="4" creationId="{06E6354D-77A2-0856-1D89-BA10DB3FC1A9}"/>
          </ac:spMkLst>
        </pc:spChg>
        <pc:spChg chg="add mod">
          <ac:chgData name="Graettinger, James R" userId="a1950f07-3ad9-48eb-8a7a-55a8afe69a63" providerId="ADAL" clId="{F839083B-2AAD-4003-8739-6099CCDD080F}" dt="2023-12-08T12:43:58.725" v="819" actId="20577"/>
          <ac:spMkLst>
            <pc:docMk/>
            <pc:sldMk cId="1233191994" sldId="304"/>
            <ac:spMk id="5" creationId="{889B0A39-38E5-F8A8-ABB7-9DE92FFD8005}"/>
          </ac:spMkLst>
        </pc:spChg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4138657168" sldId="306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62851071" sldId="307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2324576418" sldId="308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2747196264" sldId="309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4057130499" sldId="310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1991821013" sldId="311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3898694018" sldId="312"/>
        </pc:sldMkLst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2783401668" sldId="313"/>
        </pc:sldMkLst>
      </pc:sldChg>
      <pc:sldChg chg="del">
        <pc:chgData name="Graettinger, James R" userId="a1950f07-3ad9-48eb-8a7a-55a8afe69a63" providerId="ADAL" clId="{F839083B-2AAD-4003-8739-6099CCDD080F}" dt="2023-12-08T15:11:23.056" v="1744" actId="2696"/>
        <pc:sldMkLst>
          <pc:docMk/>
          <pc:sldMk cId="3455843325" sldId="314"/>
        </pc:sldMkLst>
      </pc:sldChg>
      <pc:sldChg chg="del">
        <pc:chgData name="Graettinger, James R" userId="a1950f07-3ad9-48eb-8a7a-55a8afe69a63" providerId="ADAL" clId="{F839083B-2AAD-4003-8739-6099CCDD080F}" dt="2023-12-08T15:11:10.729" v="1743" actId="2696"/>
        <pc:sldMkLst>
          <pc:docMk/>
          <pc:sldMk cId="100825657" sldId="315"/>
        </pc:sldMkLst>
      </pc:sldChg>
      <pc:sldChg chg="addSp delSp modSp add mod">
        <pc:chgData name="Graettinger, James R" userId="a1950f07-3ad9-48eb-8a7a-55a8afe69a63" providerId="ADAL" clId="{F839083B-2AAD-4003-8739-6099CCDD080F}" dt="2023-12-08T13:58:04.594" v="1120"/>
        <pc:sldMkLst>
          <pc:docMk/>
          <pc:sldMk cId="1971816339" sldId="316"/>
        </pc:sldMkLst>
        <pc:graphicFrameChg chg="del mod modGraphic">
          <ac:chgData name="Graettinger, James R" userId="a1950f07-3ad9-48eb-8a7a-55a8afe69a63" providerId="ADAL" clId="{F839083B-2AAD-4003-8739-6099CCDD080F}" dt="2023-12-08T13:54:39.270" v="953" actId="478"/>
          <ac:graphicFrameMkLst>
            <pc:docMk/>
            <pc:sldMk cId="1971816339" sldId="316"/>
            <ac:graphicFrameMk id="3" creationId="{4E99ED03-8449-4094-6567-3D39B107BCC0}"/>
          </ac:graphicFrameMkLst>
        </pc:graphicFrameChg>
        <pc:graphicFrameChg chg="del mod">
          <ac:chgData name="Graettinger, James R" userId="a1950f07-3ad9-48eb-8a7a-55a8afe69a63" providerId="ADAL" clId="{F839083B-2AAD-4003-8739-6099CCDD080F}" dt="2023-12-08T13:51:42.241" v="942" actId="478"/>
          <ac:graphicFrameMkLst>
            <pc:docMk/>
            <pc:sldMk cId="1971816339" sldId="316"/>
            <ac:graphicFrameMk id="4" creationId="{7FE0B7F0-7124-C6DA-275A-2E4D91551D8D}"/>
          </ac:graphicFrameMkLst>
        </pc:graphicFrameChg>
        <pc:graphicFrameChg chg="add mod modGraphic">
          <ac:chgData name="Graettinger, James R" userId="a1950f07-3ad9-48eb-8a7a-55a8afe69a63" providerId="ADAL" clId="{F839083B-2AAD-4003-8739-6099CCDD080F}" dt="2023-12-08T13:58:04.594" v="1120"/>
          <ac:graphicFrameMkLst>
            <pc:docMk/>
            <pc:sldMk cId="1971816339" sldId="316"/>
            <ac:graphicFrameMk id="5" creationId="{2D5363E0-E36D-88EB-D4EB-80C2714AC4E9}"/>
          </ac:graphicFrameMkLst>
        </pc:graphicFrameChg>
      </pc:sldChg>
      <pc:sldChg chg="addSp delSp modSp add mod ord">
        <pc:chgData name="Graettinger, James R" userId="a1950f07-3ad9-48eb-8a7a-55a8afe69a63" providerId="ADAL" clId="{F839083B-2AAD-4003-8739-6099CCDD080F}" dt="2023-12-08T14:54:41.301" v="1669" actId="122"/>
        <pc:sldMkLst>
          <pc:docMk/>
          <pc:sldMk cId="983144131" sldId="317"/>
        </pc:sldMkLst>
        <pc:spChg chg="mod">
          <ac:chgData name="Graettinger, James R" userId="a1950f07-3ad9-48eb-8a7a-55a8afe69a63" providerId="ADAL" clId="{F839083B-2AAD-4003-8739-6099CCDD080F}" dt="2023-12-08T14:02:25.381" v="1273" actId="20577"/>
          <ac:spMkLst>
            <pc:docMk/>
            <pc:sldMk cId="983144131" sldId="317"/>
            <ac:spMk id="2" creationId="{B5317B44-90A8-441B-E964-B0AD1A853D35}"/>
          </ac:spMkLst>
        </pc:spChg>
        <pc:graphicFrameChg chg="add del mod">
          <ac:chgData name="Graettinger, James R" userId="a1950f07-3ad9-48eb-8a7a-55a8afe69a63" providerId="ADAL" clId="{F839083B-2AAD-4003-8739-6099CCDD080F}" dt="2023-12-08T14:46:31.449" v="1298" actId="478"/>
          <ac:graphicFrameMkLst>
            <pc:docMk/>
            <pc:sldMk cId="983144131" sldId="317"/>
            <ac:graphicFrameMk id="3" creationId="{B87EF39E-7E1C-5362-8461-07C65D6BEAA9}"/>
          </ac:graphicFrameMkLst>
        </pc:graphicFrameChg>
        <pc:graphicFrameChg chg="add del mod">
          <ac:chgData name="Graettinger, James R" userId="a1950f07-3ad9-48eb-8a7a-55a8afe69a63" providerId="ADAL" clId="{F839083B-2AAD-4003-8739-6099CCDD080F}" dt="2023-12-08T14:33:51.647" v="1287"/>
          <ac:graphicFrameMkLst>
            <pc:docMk/>
            <pc:sldMk cId="983144131" sldId="317"/>
            <ac:graphicFrameMk id="4" creationId="{321B7373-D749-69EB-A09E-4A4C8EAAE501}"/>
          </ac:graphicFrameMkLst>
        </pc:graphicFrameChg>
        <pc:graphicFrameChg chg="add mod modGraphic">
          <ac:chgData name="Graettinger, James R" userId="a1950f07-3ad9-48eb-8a7a-55a8afe69a63" providerId="ADAL" clId="{F839083B-2AAD-4003-8739-6099CCDD080F}" dt="2023-12-08T14:54:41.301" v="1669" actId="122"/>
          <ac:graphicFrameMkLst>
            <pc:docMk/>
            <pc:sldMk cId="983144131" sldId="317"/>
            <ac:graphicFrameMk id="5" creationId="{54458762-149F-AA5B-6B92-3ADD2C2A346E}"/>
          </ac:graphicFrameMkLst>
        </pc:graphicFrameChg>
        <pc:graphicFrameChg chg="add mod">
          <ac:chgData name="Graettinger, James R" userId="a1950f07-3ad9-48eb-8a7a-55a8afe69a63" providerId="ADAL" clId="{F839083B-2AAD-4003-8739-6099CCDD080F}" dt="2023-12-08T14:47:40.359" v="1305" actId="14100"/>
          <ac:graphicFrameMkLst>
            <pc:docMk/>
            <pc:sldMk cId="983144131" sldId="317"/>
            <ac:graphicFrameMk id="7" creationId="{0EE71A68-5D2C-EA77-244E-17E1DFE9382F}"/>
          </ac:graphicFrameMkLst>
        </pc:graphicFrameChg>
        <pc:graphicFrameChg chg="del mod modGraphic">
          <ac:chgData name="Graettinger, James R" userId="a1950f07-3ad9-48eb-8a7a-55a8afe69a63" providerId="ADAL" clId="{F839083B-2AAD-4003-8739-6099CCDD080F}" dt="2023-12-08T14:23:05.003" v="1283" actId="21"/>
          <ac:graphicFrameMkLst>
            <pc:docMk/>
            <pc:sldMk cId="983144131" sldId="317"/>
            <ac:graphicFrameMk id="8" creationId="{B1C0444D-A0EE-3384-8F6F-50D280BEFF71}"/>
          </ac:graphicFrameMkLst>
        </pc:graphicFrameChg>
        <pc:picChg chg="del">
          <ac:chgData name="Graettinger, James R" userId="a1950f07-3ad9-48eb-8a7a-55a8afe69a63" providerId="ADAL" clId="{F839083B-2AAD-4003-8739-6099CCDD080F}" dt="2023-12-08T14:02:20.792" v="1271" actId="478"/>
          <ac:picMkLst>
            <pc:docMk/>
            <pc:sldMk cId="983144131" sldId="317"/>
            <ac:picMk id="6" creationId="{A8FEF28B-3303-4594-9034-C18BA78955A1}"/>
          </ac:picMkLst>
        </pc:picChg>
      </pc:sldChg>
      <pc:sldChg chg="addSp delSp modSp add mod">
        <pc:chgData name="Graettinger, James R" userId="a1950f07-3ad9-48eb-8a7a-55a8afe69a63" providerId="ADAL" clId="{F839083B-2AAD-4003-8739-6099CCDD080F}" dt="2023-12-08T14:54:32.146" v="1668" actId="14100"/>
        <pc:sldMkLst>
          <pc:docMk/>
          <pc:sldMk cId="3718742273" sldId="318"/>
        </pc:sldMkLst>
        <pc:spChg chg="mod">
          <ac:chgData name="Graettinger, James R" userId="a1950f07-3ad9-48eb-8a7a-55a8afe69a63" providerId="ADAL" clId="{F839083B-2AAD-4003-8739-6099CCDD080F}" dt="2023-12-08T14:49:52.606" v="1322" actId="20577"/>
          <ac:spMkLst>
            <pc:docMk/>
            <pc:sldMk cId="3718742273" sldId="318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F839083B-2AAD-4003-8739-6099CCDD080F}" dt="2023-12-08T14:50:24.393" v="1331" actId="14100"/>
          <ac:graphicFrameMkLst>
            <pc:docMk/>
            <pc:sldMk cId="3718742273" sldId="318"/>
            <ac:graphicFrameMk id="3" creationId="{E55D85E9-A226-63D3-6F9E-502F041B5C9B}"/>
          </ac:graphicFrameMkLst>
        </pc:graphicFrameChg>
        <pc:graphicFrameChg chg="mod modGraphic">
          <ac:chgData name="Graettinger, James R" userId="a1950f07-3ad9-48eb-8a7a-55a8afe69a63" providerId="ADAL" clId="{F839083B-2AAD-4003-8739-6099CCDD080F}" dt="2023-12-08T14:54:32.146" v="1668" actId="14100"/>
          <ac:graphicFrameMkLst>
            <pc:docMk/>
            <pc:sldMk cId="3718742273" sldId="318"/>
            <ac:graphicFrameMk id="5" creationId="{54458762-149F-AA5B-6B92-3ADD2C2A346E}"/>
          </ac:graphicFrameMkLst>
        </pc:graphicFrameChg>
        <pc:graphicFrameChg chg="del">
          <ac:chgData name="Graettinger, James R" userId="a1950f07-3ad9-48eb-8a7a-55a8afe69a63" providerId="ADAL" clId="{F839083B-2AAD-4003-8739-6099CCDD080F}" dt="2023-12-08T14:49:57.760" v="1323" actId="478"/>
          <ac:graphicFrameMkLst>
            <pc:docMk/>
            <pc:sldMk cId="3718742273" sldId="318"/>
            <ac:graphicFrameMk id="7" creationId="{0EE71A68-5D2C-EA77-244E-17E1DFE9382F}"/>
          </ac:graphicFrameMkLst>
        </pc:graphicFrameChg>
      </pc:sldChg>
      <pc:sldChg chg="modSp add mod">
        <pc:chgData name="Graettinger, James R" userId="a1950f07-3ad9-48eb-8a7a-55a8afe69a63" providerId="ADAL" clId="{F839083B-2AAD-4003-8739-6099CCDD080F}" dt="2023-12-14T14:16:17.124" v="4835" actId="20577"/>
        <pc:sldMkLst>
          <pc:docMk/>
          <pc:sldMk cId="185120077" sldId="319"/>
        </pc:sldMkLst>
        <pc:spChg chg="mod">
          <ac:chgData name="Graettinger, James R" userId="a1950f07-3ad9-48eb-8a7a-55a8afe69a63" providerId="ADAL" clId="{F839083B-2AAD-4003-8739-6099CCDD080F}" dt="2023-12-14T14:16:17.124" v="4835" actId="20577"/>
          <ac:spMkLst>
            <pc:docMk/>
            <pc:sldMk cId="185120077" sldId="319"/>
            <ac:spMk id="3" creationId="{1945B4F2-1782-17EF-CA1C-DF5D6D1BF0B2}"/>
          </ac:spMkLst>
        </pc:spChg>
      </pc:sldChg>
      <pc:sldChg chg="modSp add mod ord">
        <pc:chgData name="Graettinger, James R" userId="a1950f07-3ad9-48eb-8a7a-55a8afe69a63" providerId="ADAL" clId="{F839083B-2AAD-4003-8739-6099CCDD080F}" dt="2023-12-14T13:21:37.052" v="2894" actId="20577"/>
        <pc:sldMkLst>
          <pc:docMk/>
          <pc:sldMk cId="3166675591" sldId="320"/>
        </pc:sldMkLst>
        <pc:spChg chg="mod">
          <ac:chgData name="Graettinger, James R" userId="a1950f07-3ad9-48eb-8a7a-55a8afe69a63" providerId="ADAL" clId="{F839083B-2AAD-4003-8739-6099CCDD080F}" dt="2023-12-13T18:39:24.850" v="2890" actId="20577"/>
          <ac:spMkLst>
            <pc:docMk/>
            <pc:sldMk cId="3166675591" sldId="320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F839083B-2AAD-4003-8739-6099CCDD080F}" dt="2023-12-14T13:21:37.052" v="2894" actId="20577"/>
          <ac:spMkLst>
            <pc:docMk/>
            <pc:sldMk cId="3166675591" sldId="320"/>
            <ac:spMk id="7" creationId="{FF8B25BE-9DDA-3735-7B42-AB2F9DC833CD}"/>
          </ac:spMkLst>
        </pc:spChg>
      </pc:sldChg>
      <pc:sldChg chg="modSp add mod">
        <pc:chgData name="Graettinger, James R" userId="a1950f07-3ad9-48eb-8a7a-55a8afe69a63" providerId="ADAL" clId="{F839083B-2AAD-4003-8739-6099CCDD080F}" dt="2023-12-14T13:26:30.431" v="3230" actId="20577"/>
        <pc:sldMkLst>
          <pc:docMk/>
          <pc:sldMk cId="2230900173" sldId="321"/>
        </pc:sldMkLst>
        <pc:spChg chg="mod">
          <ac:chgData name="Graettinger, James R" userId="a1950f07-3ad9-48eb-8a7a-55a8afe69a63" providerId="ADAL" clId="{F839083B-2AAD-4003-8739-6099CCDD080F}" dt="2023-12-14T13:22:45.891" v="2896"/>
          <ac:spMkLst>
            <pc:docMk/>
            <pc:sldMk cId="2230900173" sldId="321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F839083B-2AAD-4003-8739-6099CCDD080F}" dt="2023-12-14T13:26:30.431" v="3230" actId="20577"/>
          <ac:spMkLst>
            <pc:docMk/>
            <pc:sldMk cId="2230900173" sldId="321"/>
            <ac:spMk id="7" creationId="{FF8B25BE-9DDA-3735-7B42-AB2F9DC833CD}"/>
          </ac:spMkLst>
        </pc:spChg>
      </pc:sldChg>
      <pc:sldChg chg="addSp delSp modSp add mod">
        <pc:chgData name="Graettinger, James R" userId="a1950f07-3ad9-48eb-8a7a-55a8afe69a63" providerId="ADAL" clId="{F839083B-2AAD-4003-8739-6099CCDD080F}" dt="2023-12-14T13:27:35.147" v="3238" actId="1076"/>
        <pc:sldMkLst>
          <pc:docMk/>
          <pc:sldMk cId="1676119365" sldId="322"/>
        </pc:sldMkLst>
        <pc:spChg chg="del mod">
          <ac:chgData name="Graettinger, James R" userId="a1950f07-3ad9-48eb-8a7a-55a8afe69a63" providerId="ADAL" clId="{F839083B-2AAD-4003-8739-6099CCDD080F}" dt="2023-12-14T13:27:08.347" v="3233" actId="478"/>
          <ac:spMkLst>
            <pc:docMk/>
            <pc:sldMk cId="1676119365" sldId="322"/>
            <ac:spMk id="7" creationId="{FF8B25BE-9DDA-3735-7B42-AB2F9DC833CD}"/>
          </ac:spMkLst>
        </pc:spChg>
        <pc:picChg chg="add mod">
          <ac:chgData name="Graettinger, James R" userId="a1950f07-3ad9-48eb-8a7a-55a8afe69a63" providerId="ADAL" clId="{F839083B-2AAD-4003-8739-6099CCDD080F}" dt="2023-12-14T13:27:32.314" v="3237" actId="1076"/>
          <ac:picMkLst>
            <pc:docMk/>
            <pc:sldMk cId="1676119365" sldId="322"/>
            <ac:picMk id="3" creationId="{0B779C48-B7AA-91CB-FA66-2B0143A4D65F}"/>
          </ac:picMkLst>
        </pc:picChg>
        <pc:picChg chg="add mod">
          <ac:chgData name="Graettinger, James R" userId="a1950f07-3ad9-48eb-8a7a-55a8afe69a63" providerId="ADAL" clId="{F839083B-2AAD-4003-8739-6099CCDD080F}" dt="2023-12-14T13:27:35.147" v="3238" actId="1076"/>
          <ac:picMkLst>
            <pc:docMk/>
            <pc:sldMk cId="1676119365" sldId="322"/>
            <ac:picMk id="5" creationId="{751D76A5-0A17-DD3F-CC0E-17E674D0A5B7}"/>
          </ac:picMkLst>
        </pc:picChg>
        <pc:picChg chg="add mod">
          <ac:chgData name="Graettinger, James R" userId="a1950f07-3ad9-48eb-8a7a-55a8afe69a63" providerId="ADAL" clId="{F839083B-2AAD-4003-8739-6099CCDD080F}" dt="2023-12-14T13:27:25.995" v="3236"/>
          <ac:picMkLst>
            <pc:docMk/>
            <pc:sldMk cId="1676119365" sldId="322"/>
            <ac:picMk id="6" creationId="{D6D76E65-8E4F-24C4-2C7F-0DDBCFB4BB3A}"/>
          </ac:picMkLst>
        </pc:picChg>
      </pc:sldChg>
      <pc:sldChg chg="addSp delSp modSp add mod">
        <pc:chgData name="Graettinger, James R" userId="a1950f07-3ad9-48eb-8a7a-55a8afe69a63" providerId="ADAL" clId="{F839083B-2AAD-4003-8739-6099CCDD080F}" dt="2023-12-14T13:33:03.346" v="3556" actId="20577"/>
        <pc:sldMkLst>
          <pc:docMk/>
          <pc:sldMk cId="1641158849" sldId="323"/>
        </pc:sldMkLst>
        <pc:spChg chg="mod">
          <ac:chgData name="Graettinger, James R" userId="a1950f07-3ad9-48eb-8a7a-55a8afe69a63" providerId="ADAL" clId="{F839083B-2AAD-4003-8739-6099CCDD080F}" dt="2023-12-14T13:28:36.711" v="3240"/>
          <ac:spMkLst>
            <pc:docMk/>
            <pc:sldMk cId="1641158849" sldId="323"/>
            <ac:spMk id="4" creationId="{A87D3AC6-ABDD-4C72-A5BF-4B99B9975378}"/>
          </ac:spMkLst>
        </pc:spChg>
        <pc:spChg chg="add mod">
          <ac:chgData name="Graettinger, James R" userId="a1950f07-3ad9-48eb-8a7a-55a8afe69a63" providerId="ADAL" clId="{F839083B-2AAD-4003-8739-6099CCDD080F}" dt="2023-12-14T13:33:03.346" v="3556" actId="20577"/>
          <ac:spMkLst>
            <pc:docMk/>
            <pc:sldMk cId="1641158849" sldId="323"/>
            <ac:spMk id="7" creationId="{AFF68000-D9CA-9A32-C1F9-37941D3DAF84}"/>
          </ac:spMkLst>
        </pc:spChg>
        <pc:picChg chg="del">
          <ac:chgData name="Graettinger, James R" userId="a1950f07-3ad9-48eb-8a7a-55a8afe69a63" providerId="ADAL" clId="{F839083B-2AAD-4003-8739-6099CCDD080F}" dt="2023-12-14T13:29:04.825" v="3241" actId="478"/>
          <ac:picMkLst>
            <pc:docMk/>
            <pc:sldMk cId="1641158849" sldId="323"/>
            <ac:picMk id="3" creationId="{0B779C48-B7AA-91CB-FA66-2B0143A4D65F}"/>
          </ac:picMkLst>
        </pc:picChg>
        <pc:picChg chg="del">
          <ac:chgData name="Graettinger, James R" userId="a1950f07-3ad9-48eb-8a7a-55a8afe69a63" providerId="ADAL" clId="{F839083B-2AAD-4003-8739-6099CCDD080F}" dt="2023-12-14T13:29:06.598" v="3242" actId="478"/>
          <ac:picMkLst>
            <pc:docMk/>
            <pc:sldMk cId="1641158849" sldId="323"/>
            <ac:picMk id="5" creationId="{751D76A5-0A17-DD3F-CC0E-17E674D0A5B7}"/>
          </ac:picMkLst>
        </pc:picChg>
        <pc:picChg chg="del">
          <ac:chgData name="Graettinger, James R" userId="a1950f07-3ad9-48eb-8a7a-55a8afe69a63" providerId="ADAL" clId="{F839083B-2AAD-4003-8739-6099CCDD080F}" dt="2023-12-14T13:29:08.354" v="3243" actId="478"/>
          <ac:picMkLst>
            <pc:docMk/>
            <pc:sldMk cId="1641158849" sldId="323"/>
            <ac:picMk id="6" creationId="{D6D76E65-8E4F-24C4-2C7F-0DDBCFB4BB3A}"/>
          </ac:picMkLst>
        </pc:picChg>
      </pc:sldChg>
      <pc:sldChg chg="addSp delSp modSp add mod">
        <pc:chgData name="Graettinger, James R" userId="a1950f07-3ad9-48eb-8a7a-55a8afe69a63" providerId="ADAL" clId="{F839083B-2AAD-4003-8739-6099CCDD080F}" dt="2023-12-14T13:41:00.677" v="4022" actId="20577"/>
        <pc:sldMkLst>
          <pc:docMk/>
          <pc:sldMk cId="724825871" sldId="324"/>
        </pc:sldMkLst>
        <pc:spChg chg="add mod">
          <ac:chgData name="Graettinger, James R" userId="a1950f07-3ad9-48eb-8a7a-55a8afe69a63" providerId="ADAL" clId="{F839083B-2AAD-4003-8739-6099CCDD080F}" dt="2023-12-14T13:41:00.677" v="4022" actId="20577"/>
          <ac:spMkLst>
            <pc:docMk/>
            <pc:sldMk cId="724825871" sldId="324"/>
            <ac:spMk id="7" creationId="{FBB58FFB-CF15-050A-1C5F-1CBEB10FF405}"/>
          </ac:spMkLst>
        </pc:spChg>
        <pc:picChg chg="del">
          <ac:chgData name="Graettinger, James R" userId="a1950f07-3ad9-48eb-8a7a-55a8afe69a63" providerId="ADAL" clId="{F839083B-2AAD-4003-8739-6099CCDD080F}" dt="2023-12-14T13:36:27.343" v="3558" actId="478"/>
          <ac:picMkLst>
            <pc:docMk/>
            <pc:sldMk cId="724825871" sldId="324"/>
            <ac:picMk id="3" creationId="{0B779C48-B7AA-91CB-FA66-2B0143A4D65F}"/>
          </ac:picMkLst>
        </pc:picChg>
        <pc:picChg chg="del">
          <ac:chgData name="Graettinger, James R" userId="a1950f07-3ad9-48eb-8a7a-55a8afe69a63" providerId="ADAL" clId="{F839083B-2AAD-4003-8739-6099CCDD080F}" dt="2023-12-14T13:36:29.223" v="3559" actId="478"/>
          <ac:picMkLst>
            <pc:docMk/>
            <pc:sldMk cId="724825871" sldId="324"/>
            <ac:picMk id="5" creationId="{751D76A5-0A17-DD3F-CC0E-17E674D0A5B7}"/>
          </ac:picMkLst>
        </pc:picChg>
        <pc:picChg chg="del">
          <ac:chgData name="Graettinger, James R" userId="a1950f07-3ad9-48eb-8a7a-55a8afe69a63" providerId="ADAL" clId="{F839083B-2AAD-4003-8739-6099CCDD080F}" dt="2023-12-14T13:36:31.160" v="3560" actId="478"/>
          <ac:picMkLst>
            <pc:docMk/>
            <pc:sldMk cId="724825871" sldId="324"/>
            <ac:picMk id="6" creationId="{D6D76E65-8E4F-24C4-2C7F-0DDBCFB4BB3A}"/>
          </ac:picMkLst>
        </pc:picChg>
      </pc:sldChg>
      <pc:sldChg chg="add del">
        <pc:chgData name="Graettinger, James R" userId="a1950f07-3ad9-48eb-8a7a-55a8afe69a63" providerId="ADAL" clId="{F839083B-2AAD-4003-8739-6099CCDD080F}" dt="2023-12-14T14:09:36.151" v="4640" actId="2696"/>
        <pc:sldMkLst>
          <pc:docMk/>
          <pc:sldMk cId="1695688725" sldId="325"/>
        </pc:sldMkLst>
      </pc:sldChg>
      <pc:sldChg chg="addSp delSp modSp add mod">
        <pc:chgData name="Graettinger, James R" userId="a1950f07-3ad9-48eb-8a7a-55a8afe69a63" providerId="ADAL" clId="{F839083B-2AAD-4003-8739-6099CCDD080F}" dt="2023-12-14T14:13:41.638" v="4796" actId="15"/>
        <pc:sldMkLst>
          <pc:docMk/>
          <pc:sldMk cId="2227885427" sldId="325"/>
        </pc:sldMkLst>
        <pc:spChg chg="mod">
          <ac:chgData name="Graettinger, James R" userId="a1950f07-3ad9-48eb-8a7a-55a8afe69a63" providerId="ADAL" clId="{F839083B-2AAD-4003-8739-6099CCDD080F}" dt="2023-12-14T14:12:57.450" v="4788" actId="6549"/>
          <ac:spMkLst>
            <pc:docMk/>
            <pc:sldMk cId="2227885427" sldId="325"/>
            <ac:spMk id="2" creationId="{B5317B44-90A8-441B-E964-B0AD1A853D35}"/>
          </ac:spMkLst>
        </pc:spChg>
        <pc:spChg chg="del">
          <ac:chgData name="Graettinger, James R" userId="a1950f07-3ad9-48eb-8a7a-55a8afe69a63" providerId="ADAL" clId="{F839083B-2AAD-4003-8739-6099CCDD080F}" dt="2023-12-14T14:10:45.271" v="4770" actId="478"/>
          <ac:spMkLst>
            <pc:docMk/>
            <pc:sldMk cId="2227885427" sldId="325"/>
            <ac:spMk id="4" creationId="{31E48660-B14E-46A0-87A7-9A990EABC68C}"/>
          </ac:spMkLst>
        </pc:spChg>
        <pc:spChg chg="del">
          <ac:chgData name="Graettinger, James R" userId="a1950f07-3ad9-48eb-8a7a-55a8afe69a63" providerId="ADAL" clId="{F839083B-2AAD-4003-8739-6099CCDD080F}" dt="2023-12-14T14:10:42.165" v="4769" actId="478"/>
          <ac:spMkLst>
            <pc:docMk/>
            <pc:sldMk cId="2227885427" sldId="325"/>
            <ac:spMk id="5" creationId="{25E5A4C4-A42F-4009-AE71-B6A53DFA6492}"/>
          </ac:spMkLst>
        </pc:spChg>
        <pc:graphicFrameChg chg="add mod modGraphic">
          <ac:chgData name="Graettinger, James R" userId="a1950f07-3ad9-48eb-8a7a-55a8afe69a63" providerId="ADAL" clId="{F839083B-2AAD-4003-8739-6099CCDD080F}" dt="2023-12-14T14:13:41.638" v="4796" actId="15"/>
          <ac:graphicFrameMkLst>
            <pc:docMk/>
            <pc:sldMk cId="2227885427" sldId="325"/>
            <ac:graphicFrameMk id="6" creationId="{1C538488-5942-D1F5-C2F7-E81CF6CA2529}"/>
          </ac:graphicFrameMkLst>
        </pc:graphicFrame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package" Target="../embeddings/Microsoft_Excel_Worksheet1.xlsx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package" Target="../embeddings/Microsoft_Excel_Worksheet2.xlsx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package" Target="../embeddings/Microsoft_Excel_Worksheet3.xlsx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package" Target="../embeddings/Microsoft_Excel_Worksheet4.xlsx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6.xml"/><Relationship Id="rId1" Type="http://schemas.microsoft.com/office/2011/relationships/chartStyle" Target="style6.xml"/><Relationship Id="rId4" Type="http://schemas.openxmlformats.org/officeDocument/2006/relationships/package" Target="../embeddings/Microsoft_Excel_Worksheet5.xlsx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package" Target="../embeddings/Microsoft_Excel_Worksheet6.xlsx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oleObject" Target="https://maximus365-my.sharepoint.com/personal/jamesrgraettinger_maximus_com/Documents/Downloads/ca0f1102-5e87-427f-92c5-f60826035f60.xlsx" TargetMode="External"/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ount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spPr>
              <a:solidFill>
                <a:srgbClr val="FFC00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A2FE-4787-BB10-08079575A048}"/>
              </c:ext>
            </c:extLst>
          </c:dPt>
          <c:dPt>
            <c:idx val="1"/>
            <c:invertIfNegative val="0"/>
            <c:bubble3D val="0"/>
            <c:spPr>
              <a:solidFill>
                <a:srgbClr val="FFFF0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3-A2FE-4787-BB10-08079575A048}"/>
              </c:ext>
            </c:extLst>
          </c:dPt>
          <c:dPt>
            <c:idx val="2"/>
            <c:invertIfNegative val="0"/>
            <c:bubble3D val="0"/>
            <c:spPr>
              <a:solidFill>
                <a:srgbClr val="92D05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5-A2FE-4787-BB10-08079575A048}"/>
              </c:ext>
            </c:extLst>
          </c:dPt>
          <c:dPt>
            <c:idx val="3"/>
            <c:invertIfNegative val="0"/>
            <c:bubble3D val="0"/>
            <c:spPr>
              <a:solidFill>
                <a:srgbClr val="00B0F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7-A2FE-4787-BB10-08079575A048}"/>
              </c:ext>
            </c:extLst>
          </c:dPt>
          <c:dPt>
            <c:idx val="4"/>
            <c:invertIfNegative val="0"/>
            <c:bubble3D val="0"/>
            <c:spPr>
              <a:solidFill>
                <a:srgbClr val="0070C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9-A2FE-4787-BB10-08079575A048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5-12</c:v>
                </c:pt>
                <c:pt idx="1">
                  <c:v>5-16</c:v>
                </c:pt>
                <c:pt idx="2">
                  <c:v>6-21</c:v>
                </c:pt>
                <c:pt idx="3">
                  <c:v>6-22</c:v>
                </c:pt>
                <c:pt idx="4">
                  <c:v>8-9</c:v>
                </c:pt>
              </c:strCache>
            </c:strRef>
          </c:cat>
          <c:val>
            <c:numRef>
              <c:f>Sheet1!$B$2:$B$6</c:f>
              <c:numCache>
                <c:formatCode>#,##0</c:formatCode>
                <c:ptCount val="5"/>
                <c:pt idx="0">
                  <c:v>17784</c:v>
                </c:pt>
                <c:pt idx="1">
                  <c:v>24776</c:v>
                </c:pt>
                <c:pt idx="2">
                  <c:v>40572</c:v>
                </c:pt>
                <c:pt idx="3">
                  <c:v>49290</c:v>
                </c:pt>
                <c:pt idx="4">
                  <c:v>9202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A2FE-4787-BB10-08079575A048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634131951"/>
        <c:axId val="849738527"/>
      </c:barChart>
      <c:catAx>
        <c:axId val="634131951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849738527"/>
        <c:crosses val="autoZero"/>
        <c:auto val="1"/>
        <c:lblAlgn val="ctr"/>
        <c:lblOffset val="100"/>
        <c:noMultiLvlLbl val="0"/>
      </c:catAx>
      <c:valAx>
        <c:axId val="849738527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3413195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ount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spPr>
              <a:solidFill>
                <a:srgbClr val="FFC00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FEBF-485E-91D4-598D4DC380F5}"/>
              </c:ext>
            </c:extLst>
          </c:dPt>
          <c:dPt>
            <c:idx val="1"/>
            <c:invertIfNegative val="0"/>
            <c:bubble3D val="0"/>
            <c:spPr>
              <a:solidFill>
                <a:srgbClr val="FFFF0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3-FEBF-485E-91D4-598D4DC380F5}"/>
              </c:ext>
            </c:extLst>
          </c:dPt>
          <c:dPt>
            <c:idx val="2"/>
            <c:invertIfNegative val="0"/>
            <c:bubble3D val="0"/>
            <c:spPr>
              <a:solidFill>
                <a:srgbClr val="92D05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5-FEBF-485E-91D4-598D4DC380F5}"/>
              </c:ext>
            </c:extLst>
          </c:dPt>
          <c:dPt>
            <c:idx val="3"/>
            <c:invertIfNegative val="0"/>
            <c:bubble3D val="0"/>
            <c:spPr>
              <a:solidFill>
                <a:srgbClr val="00B0F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7-FEBF-485E-91D4-598D4DC380F5}"/>
              </c:ext>
            </c:extLst>
          </c:dPt>
          <c:dPt>
            <c:idx val="4"/>
            <c:invertIfNegative val="0"/>
            <c:bubble3D val="0"/>
            <c:spPr>
              <a:solidFill>
                <a:srgbClr val="0070C0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9-FEBF-485E-91D4-598D4DC380F5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22-17</c:v>
                </c:pt>
                <c:pt idx="1">
                  <c:v>21-13</c:v>
                </c:pt>
                <c:pt idx="2">
                  <c:v>24-9</c:v>
                </c:pt>
                <c:pt idx="3">
                  <c:v>24-8</c:v>
                </c:pt>
                <c:pt idx="4">
                  <c:v>22-15</c:v>
                </c:pt>
              </c:strCache>
            </c:strRef>
          </c:cat>
          <c:val>
            <c:numRef>
              <c:f>Sheet1!$B$2:$B$6</c:f>
              <c:numCache>
                <c:formatCode>#,##0</c:formatCode>
                <c:ptCount val="5"/>
                <c:pt idx="0">
                  <c:v>4420</c:v>
                </c:pt>
                <c:pt idx="1">
                  <c:v>10217</c:v>
                </c:pt>
                <c:pt idx="2">
                  <c:v>31493</c:v>
                </c:pt>
                <c:pt idx="3">
                  <c:v>236327</c:v>
                </c:pt>
                <c:pt idx="4">
                  <c:v>29430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604-4BDF-BE16-89A2DDD90496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130789279"/>
        <c:axId val="932694959"/>
      </c:barChart>
      <c:catAx>
        <c:axId val="1130789279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932694959"/>
        <c:crosses val="autoZero"/>
        <c:auto val="1"/>
        <c:lblAlgn val="ctr"/>
        <c:lblOffset val="100"/>
        <c:noMultiLvlLbl val="0"/>
      </c:catAx>
      <c:valAx>
        <c:axId val="932694959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13078927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9.2688486843154325E-2"/>
          <c:y val="8.402065348767819E-2"/>
          <c:w val="0.88463026568823488"/>
          <c:h val="0.67622168616206213"/>
        </c:manualLayout>
      </c:layout>
      <c:lineChart>
        <c:grouping val="standard"/>
        <c:varyColors val="0"/>
        <c:ser>
          <c:idx val="0"/>
          <c:order val="0"/>
          <c:tx>
            <c:strRef>
              <c:f>Sheet1!$A$2</c:f>
              <c:strCache>
                <c:ptCount val="1"/>
                <c:pt idx="0">
                  <c:v>TruConnect </c:v>
                </c:pt>
              </c:strCache>
            </c:strRef>
          </c:tx>
          <c:spPr>
            <a:ln w="34925" cap="rnd">
              <a:solidFill>
                <a:schemeClr val="accent1"/>
              </a:solidFill>
              <a:round/>
            </a:ln>
            <a:effectLst>
              <a:outerShdw blurRad="57150" dist="19050" dir="5400000" algn="ctr" rotWithShape="0">
                <a:srgbClr val="000000">
                  <a:alpha val="63000"/>
                </a:srgbClr>
              </a:outerShdw>
            </a:effectLst>
          </c:spPr>
          <c:marker>
            <c:symbol val="none"/>
          </c:marker>
          <c:cat>
            <c:numRef>
              <c:f>Sheet1!$B$1:$M$1</c:f>
              <c:numCache>
                <c:formatCode>mmm\-yy</c:formatCode>
                <c:ptCount val="12"/>
                <c:pt idx="0">
                  <c:v>44896</c:v>
                </c:pt>
                <c:pt idx="1">
                  <c:v>44927</c:v>
                </c:pt>
                <c:pt idx="2">
                  <c:v>44958</c:v>
                </c:pt>
                <c:pt idx="3">
                  <c:v>44986</c:v>
                </c:pt>
                <c:pt idx="4">
                  <c:v>45017</c:v>
                </c:pt>
                <c:pt idx="5">
                  <c:v>45047</c:v>
                </c:pt>
                <c:pt idx="6">
                  <c:v>45078</c:v>
                </c:pt>
                <c:pt idx="7">
                  <c:v>45108</c:v>
                </c:pt>
                <c:pt idx="8">
                  <c:v>45139</c:v>
                </c:pt>
                <c:pt idx="9">
                  <c:v>45170</c:v>
                </c:pt>
                <c:pt idx="10">
                  <c:v>45200</c:v>
                </c:pt>
                <c:pt idx="11">
                  <c:v>45231</c:v>
                </c:pt>
              </c:numCache>
            </c:numRef>
          </c:cat>
          <c:val>
            <c:numRef>
              <c:f>Sheet1!$B$2:$M$2</c:f>
              <c:numCache>
                <c:formatCode>#,##0</c:formatCode>
                <c:ptCount val="12"/>
                <c:pt idx="0">
                  <c:v>171573</c:v>
                </c:pt>
                <c:pt idx="1">
                  <c:v>164519</c:v>
                </c:pt>
                <c:pt idx="2">
                  <c:v>166869</c:v>
                </c:pt>
                <c:pt idx="3">
                  <c:v>167713</c:v>
                </c:pt>
                <c:pt idx="4">
                  <c:v>168937</c:v>
                </c:pt>
                <c:pt idx="5">
                  <c:v>165879</c:v>
                </c:pt>
                <c:pt idx="6">
                  <c:v>162422</c:v>
                </c:pt>
                <c:pt idx="7">
                  <c:v>167967</c:v>
                </c:pt>
                <c:pt idx="8">
                  <c:v>176088</c:v>
                </c:pt>
                <c:pt idx="9">
                  <c:v>199369</c:v>
                </c:pt>
                <c:pt idx="10">
                  <c:v>236540</c:v>
                </c:pt>
                <c:pt idx="11">
                  <c:v>26899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5E8C-4AEF-81E6-536D337391DC}"/>
            </c:ext>
          </c:extLst>
        </c:ser>
        <c:ser>
          <c:idx val="1"/>
          <c:order val="1"/>
          <c:tx>
            <c:strRef>
              <c:f>Sheet1!$A$3</c:f>
              <c:strCache>
                <c:ptCount val="1"/>
                <c:pt idx="0">
                  <c:v>Assurance Wireless by T-Mobile</c:v>
                </c:pt>
              </c:strCache>
            </c:strRef>
          </c:tx>
          <c:spPr>
            <a:ln w="34925" cap="rnd">
              <a:solidFill>
                <a:schemeClr val="accent2"/>
              </a:solidFill>
              <a:round/>
            </a:ln>
            <a:effectLst>
              <a:outerShdw blurRad="57150" dist="19050" dir="5400000" algn="ctr" rotWithShape="0">
                <a:srgbClr val="000000">
                  <a:alpha val="63000"/>
                </a:srgbClr>
              </a:outerShdw>
            </a:effectLst>
          </c:spPr>
          <c:marker>
            <c:symbol val="none"/>
          </c:marker>
          <c:cat>
            <c:numRef>
              <c:f>Sheet1!$B$1:$M$1</c:f>
              <c:numCache>
                <c:formatCode>mmm\-yy</c:formatCode>
                <c:ptCount val="12"/>
                <c:pt idx="0">
                  <c:v>44896</c:v>
                </c:pt>
                <c:pt idx="1">
                  <c:v>44927</c:v>
                </c:pt>
                <c:pt idx="2">
                  <c:v>44958</c:v>
                </c:pt>
                <c:pt idx="3">
                  <c:v>44986</c:v>
                </c:pt>
                <c:pt idx="4">
                  <c:v>45017</c:v>
                </c:pt>
                <c:pt idx="5">
                  <c:v>45047</c:v>
                </c:pt>
                <c:pt idx="6">
                  <c:v>45078</c:v>
                </c:pt>
                <c:pt idx="7">
                  <c:v>45108</c:v>
                </c:pt>
                <c:pt idx="8">
                  <c:v>45139</c:v>
                </c:pt>
                <c:pt idx="9">
                  <c:v>45170</c:v>
                </c:pt>
                <c:pt idx="10">
                  <c:v>45200</c:v>
                </c:pt>
                <c:pt idx="11">
                  <c:v>45231</c:v>
                </c:pt>
              </c:numCache>
            </c:numRef>
          </c:cat>
          <c:val>
            <c:numRef>
              <c:f>Sheet1!$B$3:$M$3</c:f>
              <c:numCache>
                <c:formatCode>#,##0</c:formatCode>
                <c:ptCount val="12"/>
                <c:pt idx="0">
                  <c:v>392613</c:v>
                </c:pt>
                <c:pt idx="1">
                  <c:v>378215</c:v>
                </c:pt>
                <c:pt idx="2">
                  <c:v>361463</c:v>
                </c:pt>
                <c:pt idx="3">
                  <c:v>354516</c:v>
                </c:pt>
                <c:pt idx="4">
                  <c:v>346629</c:v>
                </c:pt>
                <c:pt idx="5">
                  <c:v>339629</c:v>
                </c:pt>
                <c:pt idx="6">
                  <c:v>331097</c:v>
                </c:pt>
                <c:pt idx="7">
                  <c:v>300508</c:v>
                </c:pt>
                <c:pt idx="8">
                  <c:v>296862</c:v>
                </c:pt>
                <c:pt idx="9">
                  <c:v>281410</c:v>
                </c:pt>
                <c:pt idx="10">
                  <c:v>258217</c:v>
                </c:pt>
                <c:pt idx="11">
                  <c:v>21927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5E8C-4AEF-81E6-536D337391DC}"/>
            </c:ext>
          </c:extLst>
        </c:ser>
        <c:ser>
          <c:idx val="2"/>
          <c:order val="2"/>
          <c:tx>
            <c:strRef>
              <c:f>Sheet1!$A$4</c:f>
              <c:strCache>
                <c:ptCount val="1"/>
                <c:pt idx="0">
                  <c:v>TracFone dba SafeLink</c:v>
                </c:pt>
              </c:strCache>
            </c:strRef>
          </c:tx>
          <c:spPr>
            <a:ln w="34925" cap="rnd">
              <a:solidFill>
                <a:schemeClr val="accent3"/>
              </a:solidFill>
              <a:round/>
            </a:ln>
            <a:effectLst>
              <a:outerShdw blurRad="57150" dist="19050" dir="5400000" algn="ctr" rotWithShape="0">
                <a:srgbClr val="000000">
                  <a:alpha val="63000"/>
                </a:srgbClr>
              </a:outerShdw>
            </a:effectLst>
          </c:spPr>
          <c:marker>
            <c:symbol val="none"/>
          </c:marker>
          <c:cat>
            <c:numRef>
              <c:f>Sheet1!$B$1:$M$1</c:f>
              <c:numCache>
                <c:formatCode>mmm\-yy</c:formatCode>
                <c:ptCount val="12"/>
                <c:pt idx="0">
                  <c:v>44896</c:v>
                </c:pt>
                <c:pt idx="1">
                  <c:v>44927</c:v>
                </c:pt>
                <c:pt idx="2">
                  <c:v>44958</c:v>
                </c:pt>
                <c:pt idx="3">
                  <c:v>44986</c:v>
                </c:pt>
                <c:pt idx="4">
                  <c:v>45017</c:v>
                </c:pt>
                <c:pt idx="5">
                  <c:v>45047</c:v>
                </c:pt>
                <c:pt idx="6">
                  <c:v>45078</c:v>
                </c:pt>
                <c:pt idx="7">
                  <c:v>45108</c:v>
                </c:pt>
                <c:pt idx="8">
                  <c:v>45139</c:v>
                </c:pt>
                <c:pt idx="9">
                  <c:v>45170</c:v>
                </c:pt>
                <c:pt idx="10">
                  <c:v>45200</c:v>
                </c:pt>
                <c:pt idx="11">
                  <c:v>45231</c:v>
                </c:pt>
              </c:numCache>
            </c:numRef>
          </c:cat>
          <c:val>
            <c:numRef>
              <c:f>Sheet1!$B$4:$M$4</c:f>
              <c:numCache>
                <c:formatCode>#,##0</c:formatCode>
                <c:ptCount val="12"/>
                <c:pt idx="0">
                  <c:v>168213</c:v>
                </c:pt>
                <c:pt idx="1">
                  <c:v>163534</c:v>
                </c:pt>
                <c:pt idx="2">
                  <c:v>160833</c:v>
                </c:pt>
                <c:pt idx="3">
                  <c:v>154766</c:v>
                </c:pt>
                <c:pt idx="4">
                  <c:v>157918</c:v>
                </c:pt>
                <c:pt idx="5">
                  <c:v>163983</c:v>
                </c:pt>
                <c:pt idx="6">
                  <c:v>172383</c:v>
                </c:pt>
                <c:pt idx="7">
                  <c:v>177226</c:v>
                </c:pt>
                <c:pt idx="8">
                  <c:v>188469</c:v>
                </c:pt>
                <c:pt idx="9">
                  <c:v>196204</c:v>
                </c:pt>
                <c:pt idx="10">
                  <c:v>201026</c:v>
                </c:pt>
                <c:pt idx="11">
                  <c:v>20544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5E8C-4AEF-81E6-536D337391DC}"/>
            </c:ext>
          </c:extLst>
        </c:ser>
        <c:ser>
          <c:idx val="3"/>
          <c:order val="3"/>
          <c:tx>
            <c:strRef>
              <c:f>Sheet1!$A$5</c:f>
              <c:strCache>
                <c:ptCount val="1"/>
                <c:pt idx="0">
                  <c:v>Boomerang Wireless dba enTouch Wireless</c:v>
                </c:pt>
              </c:strCache>
            </c:strRef>
          </c:tx>
          <c:spPr>
            <a:ln w="34925" cap="rnd">
              <a:solidFill>
                <a:schemeClr val="accent4"/>
              </a:solidFill>
              <a:round/>
            </a:ln>
            <a:effectLst>
              <a:outerShdw blurRad="57150" dist="19050" dir="5400000" algn="ctr" rotWithShape="0">
                <a:srgbClr val="000000">
                  <a:alpha val="63000"/>
                </a:srgbClr>
              </a:outerShdw>
            </a:effectLst>
          </c:spPr>
          <c:marker>
            <c:symbol val="none"/>
          </c:marker>
          <c:cat>
            <c:numRef>
              <c:f>Sheet1!$B$1:$M$1</c:f>
              <c:numCache>
                <c:formatCode>mmm\-yy</c:formatCode>
                <c:ptCount val="12"/>
                <c:pt idx="0">
                  <c:v>44896</c:v>
                </c:pt>
                <c:pt idx="1">
                  <c:v>44927</c:v>
                </c:pt>
                <c:pt idx="2">
                  <c:v>44958</c:v>
                </c:pt>
                <c:pt idx="3">
                  <c:v>44986</c:v>
                </c:pt>
                <c:pt idx="4">
                  <c:v>45017</c:v>
                </c:pt>
                <c:pt idx="5">
                  <c:v>45047</c:v>
                </c:pt>
                <c:pt idx="6">
                  <c:v>45078</c:v>
                </c:pt>
                <c:pt idx="7">
                  <c:v>45108</c:v>
                </c:pt>
                <c:pt idx="8">
                  <c:v>45139</c:v>
                </c:pt>
                <c:pt idx="9">
                  <c:v>45170</c:v>
                </c:pt>
                <c:pt idx="10">
                  <c:v>45200</c:v>
                </c:pt>
                <c:pt idx="11">
                  <c:v>45231</c:v>
                </c:pt>
              </c:numCache>
            </c:numRef>
          </c:cat>
          <c:val>
            <c:numRef>
              <c:f>Sheet1!$B$5:$M$5</c:f>
              <c:numCache>
                <c:formatCode>#,##0</c:formatCode>
                <c:ptCount val="12"/>
                <c:pt idx="0">
                  <c:v>83075</c:v>
                </c:pt>
                <c:pt idx="1">
                  <c:v>91944</c:v>
                </c:pt>
                <c:pt idx="2">
                  <c:v>94946</c:v>
                </c:pt>
                <c:pt idx="3">
                  <c:v>97385</c:v>
                </c:pt>
                <c:pt idx="4">
                  <c:v>99068</c:v>
                </c:pt>
                <c:pt idx="5">
                  <c:v>101731</c:v>
                </c:pt>
                <c:pt idx="6">
                  <c:v>106101</c:v>
                </c:pt>
                <c:pt idx="7">
                  <c:v>107571</c:v>
                </c:pt>
                <c:pt idx="8">
                  <c:v>109054</c:v>
                </c:pt>
                <c:pt idx="9">
                  <c:v>107304</c:v>
                </c:pt>
                <c:pt idx="10">
                  <c:v>104935</c:v>
                </c:pt>
                <c:pt idx="11">
                  <c:v>10302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5E8C-4AEF-81E6-536D337391DC}"/>
            </c:ext>
          </c:extLst>
        </c:ser>
        <c:ser>
          <c:idx val="4"/>
          <c:order val="4"/>
          <c:tx>
            <c:strRef>
              <c:f>Sheet1!$A$6</c:f>
              <c:strCache>
                <c:ptCount val="1"/>
                <c:pt idx="0">
                  <c:v>Pacific Bell</c:v>
                </c:pt>
              </c:strCache>
            </c:strRef>
          </c:tx>
          <c:spPr>
            <a:ln w="34925" cap="rnd">
              <a:solidFill>
                <a:schemeClr val="accent5"/>
              </a:solidFill>
              <a:round/>
            </a:ln>
            <a:effectLst>
              <a:outerShdw blurRad="57150" dist="19050" dir="5400000" algn="ctr" rotWithShape="0">
                <a:srgbClr val="000000">
                  <a:alpha val="63000"/>
                </a:srgbClr>
              </a:outerShdw>
            </a:effectLst>
          </c:spPr>
          <c:marker>
            <c:symbol val="none"/>
          </c:marker>
          <c:cat>
            <c:numRef>
              <c:f>Sheet1!$B$1:$M$1</c:f>
              <c:numCache>
                <c:formatCode>mmm\-yy</c:formatCode>
                <c:ptCount val="12"/>
                <c:pt idx="0">
                  <c:v>44896</c:v>
                </c:pt>
                <c:pt idx="1">
                  <c:v>44927</c:v>
                </c:pt>
                <c:pt idx="2">
                  <c:v>44958</c:v>
                </c:pt>
                <c:pt idx="3">
                  <c:v>44986</c:v>
                </c:pt>
                <c:pt idx="4">
                  <c:v>45017</c:v>
                </c:pt>
                <c:pt idx="5">
                  <c:v>45047</c:v>
                </c:pt>
                <c:pt idx="6">
                  <c:v>45078</c:v>
                </c:pt>
                <c:pt idx="7">
                  <c:v>45108</c:v>
                </c:pt>
                <c:pt idx="8">
                  <c:v>45139</c:v>
                </c:pt>
                <c:pt idx="9">
                  <c:v>45170</c:v>
                </c:pt>
                <c:pt idx="10">
                  <c:v>45200</c:v>
                </c:pt>
                <c:pt idx="11">
                  <c:v>45231</c:v>
                </c:pt>
              </c:numCache>
            </c:numRef>
          </c:cat>
          <c:val>
            <c:numRef>
              <c:f>Sheet1!$B$6:$M$6</c:f>
              <c:numCache>
                <c:formatCode>#,##0</c:formatCode>
                <c:ptCount val="12"/>
                <c:pt idx="0">
                  <c:v>120260</c:v>
                </c:pt>
                <c:pt idx="1">
                  <c:v>113784</c:v>
                </c:pt>
                <c:pt idx="2">
                  <c:v>112330</c:v>
                </c:pt>
                <c:pt idx="3">
                  <c:v>111335</c:v>
                </c:pt>
                <c:pt idx="4">
                  <c:v>110410</c:v>
                </c:pt>
                <c:pt idx="5">
                  <c:v>109646</c:v>
                </c:pt>
                <c:pt idx="6">
                  <c:v>108569</c:v>
                </c:pt>
                <c:pt idx="7">
                  <c:v>107375</c:v>
                </c:pt>
                <c:pt idx="8">
                  <c:v>106301</c:v>
                </c:pt>
                <c:pt idx="9">
                  <c:v>104580</c:v>
                </c:pt>
                <c:pt idx="10">
                  <c:v>102768</c:v>
                </c:pt>
                <c:pt idx="11">
                  <c:v>9933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5E8C-4AEF-81E6-536D337391D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405956927"/>
        <c:axId val="413062143"/>
      </c:lineChart>
      <c:dateAx>
        <c:axId val="405956927"/>
        <c:scaling>
          <c:orientation val="minMax"/>
        </c:scaling>
        <c:delete val="0"/>
        <c:axPos val="b"/>
        <c:numFmt formatCode="mmm\-yy" sourceLinked="1"/>
        <c:majorTickMark val="out"/>
        <c:minorTickMark val="none"/>
        <c:tickLblPos val="nextTo"/>
        <c:spPr>
          <a:noFill/>
          <a:ln w="12700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13062143"/>
        <c:crosses val="autoZero"/>
        <c:auto val="1"/>
        <c:lblOffset val="100"/>
        <c:baseTimeUnit val="months"/>
      </c:dateAx>
      <c:valAx>
        <c:axId val="413062143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059569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5.5964383552906435E-2"/>
          <c:y val="0.83987741416715977"/>
          <c:w val="0.91075235279672662"/>
          <c:h val="0.14470832764401559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1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pieChart>
        <c:varyColors val="1"/>
        <c:ser>
          <c:idx val="0"/>
          <c:order val="0"/>
          <c:tx>
            <c:strRef>
              <c:f>Sheet1!$B$10</c:f>
              <c:strCache>
                <c:ptCount val="1"/>
                <c:pt idx="0">
                  <c:v>Percentage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259-4711-BF9A-FF0A048A6EA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259-4711-BF9A-FF0A048A6EAD}"/>
              </c:ext>
            </c:extLst>
          </c:dPt>
          <c:dLbls>
            <c:dLbl>
              <c:idx val="1"/>
              <c:layout>
                <c:manualLayout>
                  <c:x val="-0.1993062125512457"/>
                  <c:y val="-0.38327855342377565"/>
                </c:manualLayout>
              </c:layout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D259-4711-BF9A-FF0A048A6EAD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11:$A$12</c:f>
              <c:strCache>
                <c:ptCount val="2"/>
                <c:pt idx="0">
                  <c:v>Income</c:v>
                </c:pt>
                <c:pt idx="1">
                  <c:v>Program</c:v>
                </c:pt>
              </c:strCache>
            </c:strRef>
          </c:cat>
          <c:val>
            <c:numRef>
              <c:f>Sheet1!$B$11:$B$12</c:f>
              <c:numCache>
                <c:formatCode>0.0%</c:formatCode>
                <c:ptCount val="2"/>
                <c:pt idx="0">
                  <c:v>4.6035096893831055E-2</c:v>
                </c:pt>
                <c:pt idx="1">
                  <c:v>0.953964903106168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259-4711-BF9A-FF0A048A6EA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1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pieChart>
        <c:varyColors val="1"/>
        <c:ser>
          <c:idx val="0"/>
          <c:order val="0"/>
          <c:tx>
            <c:strRef>
              <c:f>Sheet1!$B$13</c:f>
              <c:strCache>
                <c:ptCount val="1"/>
                <c:pt idx="0">
                  <c:v>Percentage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3864-4864-86F0-761DFD43446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3864-4864-86F0-761DFD434466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3864-4864-86F0-761DFD434466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3864-4864-86F0-761DFD434466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3864-4864-86F0-761DFD434466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3864-4864-86F0-761DFD434466}"/>
              </c:ext>
            </c:extLst>
          </c:dPt>
          <c:dLbls>
            <c:dLbl>
              <c:idx val="0"/>
              <c:tx>
                <c:rich>
                  <a:bodyPr/>
                  <a:lstStyle/>
                  <a:p>
                    <a:fld id="{7F3F264B-6382-4035-8328-73ADEA02A327}" type="CATEGORYNAME">
                      <a:rPr lang="en-US"/>
                      <a:pPr/>
                      <a:t>[CATEGORY NAME]</a:t>
                    </a:fld>
                    <a:r>
                      <a:rPr lang="en-US" baseline="0"/>
                      <a:t>
65.1%</a:t>
                    </a:r>
                  </a:p>
                </c:rich>
              </c:tx>
              <c:dLblPos val="outEnd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1-3864-4864-86F0-761DFD434466}"/>
                </c:ext>
              </c:extLst>
            </c:dLbl>
            <c:dLbl>
              <c:idx val="1"/>
              <c:tx>
                <c:rich>
                  <a:bodyPr/>
                  <a:lstStyle/>
                  <a:p>
                    <a:fld id="{478165F3-BDCF-4D91-A729-E93AB6FE06D4}" type="CATEGORYNAME">
                      <a:rPr lang="en-US"/>
                      <a:pPr/>
                      <a:t>[CATEGORY NAME]</a:t>
                    </a:fld>
                    <a:r>
                      <a:rPr lang="en-US" baseline="0"/>
                      <a:t>
33.1%</a:t>
                    </a:r>
                  </a:p>
                </c:rich>
              </c:tx>
              <c:dLblPos val="outEnd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3-3864-4864-86F0-761DFD434466}"/>
                </c:ext>
              </c:extLst>
            </c:dLbl>
            <c:dLbl>
              <c:idx val="2"/>
              <c:layout>
                <c:manualLayout>
                  <c:x val="-5.0468050468050529E-2"/>
                  <c:y val="0"/>
                </c:manualLayout>
              </c:layout>
              <c:tx>
                <c:rich>
                  <a:bodyPr/>
                  <a:lstStyle/>
                  <a:p>
                    <a:fld id="{375C6FA1-8632-4C22-9728-CD769A008CB1}" type="CATEGORYNAME">
                      <a:rPr lang="en-US"/>
                      <a:pPr/>
                      <a:t>[CATEGORY NAME]</a:t>
                    </a:fld>
                    <a:r>
                      <a:rPr lang="en-US" baseline="0" dirty="0"/>
                      <a:t>
0.8%</a:t>
                    </a:r>
                  </a:p>
                </c:rich>
              </c:tx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5-3864-4864-86F0-761DFD434466}"/>
                </c:ext>
              </c:extLst>
            </c:dLbl>
            <c:dLbl>
              <c:idx val="3"/>
              <c:tx>
                <c:rich>
                  <a:bodyPr/>
                  <a:lstStyle/>
                  <a:p>
                    <a:fld id="{13DEE3A3-FD5C-4F89-8CE1-D8644CCB4A48}" type="CATEGORYNAME">
                      <a:rPr lang="en-US"/>
                      <a:pPr/>
                      <a:t>[CATEGORY NAME]</a:t>
                    </a:fld>
                    <a:r>
                      <a:rPr lang="en-US" baseline="0"/>
                      <a:t>
0.4%</a:t>
                    </a:r>
                  </a:p>
                </c:rich>
              </c:tx>
              <c:dLblPos val="outEnd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7-3864-4864-86F0-761DFD434466}"/>
                </c:ext>
              </c:extLst>
            </c:dLbl>
            <c:dLbl>
              <c:idx val="4"/>
              <c:layout>
                <c:manualLayout>
                  <c:x val="0.39179497517629575"/>
                  <c:y val="0.16158192090395479"/>
                </c:manualLayout>
              </c:layout>
              <c:tx>
                <c:rich>
                  <a:bodyPr/>
                  <a:lstStyle/>
                  <a:p>
                    <a:fld id="{DE102453-199B-42FB-AC08-CE5A73B636CD}" type="CATEGORYNAME">
                      <a:rPr lang="en-US"/>
                      <a:pPr/>
                      <a:t>[CATEGORY NAME]</a:t>
                    </a:fld>
                    <a:r>
                      <a:rPr lang="en-US" baseline="0" dirty="0"/>
                      <a:t>
0.3%</a:t>
                    </a:r>
                  </a:p>
                </c:rich>
              </c:tx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9-3864-4864-86F0-761DFD434466}"/>
                </c:ext>
              </c:extLst>
            </c:dLbl>
            <c:dLbl>
              <c:idx val="5"/>
              <c:layout>
                <c:manualLayout>
                  <c:x val="0.21111111111111111"/>
                  <c:y val="6.9444444444444448E-2"/>
                </c:manualLayout>
              </c:layout>
              <c:tx>
                <c:rich>
                  <a:bodyPr/>
                  <a:lstStyle/>
                  <a:p>
                    <a:fld id="{2436F7EC-C4C0-4621-B7E6-CF25230923E3}" type="CATEGORYNAME">
                      <a:rPr lang="en-US"/>
                      <a:pPr/>
                      <a:t>[CATEGORY NAME]</a:t>
                    </a:fld>
                    <a:r>
                      <a:rPr lang="en-US" baseline="0" dirty="0"/>
                      <a:t>
0.3%</a:t>
                    </a:r>
                  </a:p>
                </c:rich>
              </c:tx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B-3864-4864-86F0-761DFD434466}"/>
                </c:ext>
              </c:extLst>
            </c:dLbl>
            <c:spPr>
              <a:solidFill>
                <a:sysClr val="window" lastClr="FFFFFF"/>
              </a:solidFill>
              <a:ln>
                <a:solidFill>
                  <a:sysClr val="windowText" lastClr="000000">
                    <a:lumMod val="25000"/>
                    <a:lumOff val="75000"/>
                  </a:sysClr>
                </a:solidFill>
              </a:ln>
              <a:effectLst/>
            </c:spPr>
            <c:txPr>
              <a:bodyPr rot="0" spcFirstLastPara="1" vertOverflow="clip" horzOverflow="clip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dk1">
                        <a:lumMod val="65000"/>
                        <a:lumOff val="3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0"/>
            <c:showCatName val="1"/>
            <c:showSerName val="0"/>
            <c:showPercent val="1"/>
            <c:showBubbleSize val="0"/>
            <c:showLeaderLines val="0"/>
            <c:extLst>
              <c:ext xmlns:c15="http://schemas.microsoft.com/office/drawing/2012/chart" uri="{CE6537A1-D6FC-4f65-9D91-7224C49458BB}">
                <c15:spPr xmlns:c15="http://schemas.microsoft.com/office/drawing/2012/chart">
                  <a:prstGeom prst="wedgeRectCallout">
                    <a:avLst/>
                  </a:prstGeom>
                  <a:noFill/>
                  <a:ln>
                    <a:noFill/>
                  </a:ln>
                </c15:spPr>
              </c:ext>
            </c:extLst>
          </c:dLbls>
          <c:cat>
            <c:strRef>
              <c:f>Sheet1!$A$14:$A$19</c:f>
              <c:strCache>
                <c:ptCount val="6"/>
                <c:pt idx="0">
                  <c:v>Cal-Fresh (SNAP)</c:v>
                </c:pt>
                <c:pt idx="1">
                  <c:v>Medi-Cal</c:v>
                </c:pt>
                <c:pt idx="2">
                  <c:v>SSI</c:v>
                </c:pt>
                <c:pt idx="3">
                  <c:v>WIC</c:v>
                </c:pt>
                <c:pt idx="4">
                  <c:v>Veterans and Survivors Pension Benefit</c:v>
                </c:pt>
                <c:pt idx="5">
                  <c:v>Others</c:v>
                </c:pt>
              </c:strCache>
            </c:strRef>
          </c:cat>
          <c:val>
            <c:numRef>
              <c:f>Sheet1!$B$14:$B$19</c:f>
              <c:numCache>
                <c:formatCode>0.0%</c:formatCode>
                <c:ptCount val="6"/>
                <c:pt idx="0">
                  <c:v>0.65091195695579984</c:v>
                </c:pt>
                <c:pt idx="1">
                  <c:v>0.33110195674562309</c:v>
                </c:pt>
                <c:pt idx="2">
                  <c:v>7.646650833350848E-3</c:v>
                </c:pt>
                <c:pt idx="3">
                  <c:v>4.3136677946152713E-3</c:v>
                </c:pt>
                <c:pt idx="4">
                  <c:v>2.6284705437272745E-3</c:v>
                </c:pt>
                <c:pt idx="5">
                  <c:v>3.3972971268837093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3864-4864-86F0-761DFD43446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Application Forms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2.2948938611589215E-2"/>
                  <c:y val="-8.4875562720133283E-17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7D6E-4DC4-A9EA-7BA112C2291B}"/>
                </c:ext>
              </c:extLst>
            </c:dLbl>
            <c:dLbl>
              <c:idx val="1"/>
              <c:layout>
                <c:manualLayout>
                  <c:x val="5.833333333333323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7D6E-4DC4-A9EA-7BA112C2291B}"/>
                </c:ext>
              </c:extLst>
            </c:dLbl>
            <c:dLbl>
              <c:idx val="2"/>
              <c:layout>
                <c:manualLayout>
                  <c:x val="4.1666666666666664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7D6E-4DC4-A9EA-7BA112C2291B}"/>
                </c:ext>
              </c:extLst>
            </c:dLbl>
            <c:dLbl>
              <c:idx val="3"/>
              <c:layout>
                <c:manualLayout>
                  <c:x val="3.8888888888888841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7D6E-4DC4-A9EA-7BA112C2291B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SPIA</c:v>
                </c:pt>
                <c:pt idx="1">
                  <c:v>DAP</c:v>
                </c:pt>
                <c:pt idx="2">
                  <c:v>Public Website</c:v>
                </c:pt>
                <c:pt idx="3">
                  <c:v>Mail</c:v>
                </c:pt>
              </c:strCache>
            </c:strRef>
          </c:cat>
          <c:val>
            <c:numRef>
              <c:f>Sheet1!$B$2:$B$5</c:f>
              <c:numCache>
                <c:formatCode>#,##0</c:formatCode>
                <c:ptCount val="4"/>
                <c:pt idx="0">
                  <c:v>1029009</c:v>
                </c:pt>
                <c:pt idx="1">
                  <c:v>349341</c:v>
                </c:pt>
                <c:pt idx="2">
                  <c:v>6162</c:v>
                </c:pt>
                <c:pt idx="3">
                  <c:v>605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7D6E-4DC4-A9EA-7BA112C2291B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431400320"/>
        <c:axId val="638443296"/>
      </c:barChart>
      <c:catAx>
        <c:axId val="1431400320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38443296"/>
        <c:crosses val="autoZero"/>
        <c:auto val="1"/>
        <c:lblAlgn val="ctr"/>
        <c:lblOffset val="100"/>
        <c:noMultiLvlLbl val="0"/>
      </c:catAx>
      <c:valAx>
        <c:axId val="638443296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43140032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Renewal Forms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1.1698536992017514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179A-412E-88F4-CABC9E62A236}"/>
                </c:ext>
              </c:extLst>
            </c:dLbl>
            <c:dLbl>
              <c:idx val="1"/>
              <c:layout>
                <c:manualLayout>
                  <c:x val="5.2777777777777778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179A-412E-88F4-CABC9E62A236}"/>
                </c:ext>
              </c:extLst>
            </c:dLbl>
            <c:dLbl>
              <c:idx val="2"/>
              <c:layout>
                <c:manualLayout>
                  <c:x val="5.5555555555555504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179A-412E-88F4-CABC9E62A236}"/>
                </c:ext>
              </c:extLst>
            </c:dLbl>
            <c:dLbl>
              <c:idx val="3"/>
              <c:layout>
                <c:manualLayout>
                  <c:x val="5.5555555555555552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179A-412E-88F4-CABC9E62A236}"/>
                </c:ext>
              </c:extLst>
            </c:dLbl>
            <c:dLbl>
              <c:idx val="4"/>
              <c:layout>
                <c:manualLayout>
                  <c:x val="4.7222222222222221E-2"/>
                  <c:y val="-4.2437781360066642E-17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4-179A-412E-88F4-CABC9E62A236}"/>
                </c:ext>
              </c:extLst>
            </c:dLbl>
            <c:dLbl>
              <c:idx val="5"/>
              <c:layout>
                <c:manualLayout>
                  <c:x val="3.0555555555555555E-2"/>
                  <c:y val="-4.2437781360066642E-17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179A-412E-88F4-CABC9E62A236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7</c:f>
              <c:strCache>
                <c:ptCount val="6"/>
                <c:pt idx="0">
                  <c:v>TPA System</c:v>
                </c:pt>
                <c:pt idx="1">
                  <c:v>Public Website</c:v>
                </c:pt>
                <c:pt idx="2">
                  <c:v>Mail</c:v>
                </c:pt>
                <c:pt idx="3">
                  <c:v>CSR-assisted</c:v>
                </c:pt>
                <c:pt idx="4">
                  <c:v>IVR</c:v>
                </c:pt>
                <c:pt idx="5">
                  <c:v>SPIA</c:v>
                </c:pt>
              </c:strCache>
            </c:strRef>
          </c:cat>
          <c:val>
            <c:numRef>
              <c:f>Sheet1!$B$2:$B$7</c:f>
              <c:numCache>
                <c:formatCode>#,##0</c:formatCode>
                <c:ptCount val="6"/>
                <c:pt idx="0">
                  <c:v>457480</c:v>
                </c:pt>
                <c:pt idx="1">
                  <c:v>96274</c:v>
                </c:pt>
                <c:pt idx="2">
                  <c:v>35917</c:v>
                </c:pt>
                <c:pt idx="3">
                  <c:v>17021</c:v>
                </c:pt>
                <c:pt idx="4">
                  <c:v>3958</c:v>
                </c:pt>
                <c:pt idx="5">
                  <c:v>87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179A-412E-88F4-CABC9E62A236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093781776"/>
        <c:axId val="1540723264"/>
      </c:barChart>
      <c:catAx>
        <c:axId val="1093781776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40723264"/>
        <c:crosses val="autoZero"/>
        <c:auto val="1"/>
        <c:lblAlgn val="ctr"/>
        <c:lblOffset val="100"/>
        <c:noMultiLvlLbl val="0"/>
      </c:catAx>
      <c:valAx>
        <c:axId val="1540723264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093781776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7"/>
    </mc:Choice>
    <mc:Fallback>
      <c:style val="7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of Standalone IEHs</c:v>
                </c:pt>
              </c:strCache>
            </c:strRef>
          </c:tx>
          <c:spPr>
            <a:gradFill rotWithShape="1">
              <a:gsLst>
                <a:gs pos="0">
                  <a:schemeClr val="accent5">
                    <a:satMod val="103000"/>
                    <a:lumMod val="102000"/>
                    <a:tint val="94000"/>
                  </a:schemeClr>
                </a:gs>
                <a:gs pos="50000">
                  <a:schemeClr val="accent5">
                    <a:satMod val="110000"/>
                    <a:lumMod val="100000"/>
                    <a:shade val="100000"/>
                  </a:schemeClr>
                </a:gs>
                <a:gs pos="100000">
                  <a:schemeClr val="accent5">
                    <a:lumMod val="99000"/>
                    <a:satMod val="120000"/>
                    <a:shade val="78000"/>
                  </a:schemeClr>
                </a:gs>
              </a:gsLst>
              <a:lin ang="5400000" scaled="0"/>
            </a:gra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2.0270281054629205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6F52-43A6-A421-3ACB729313F2}"/>
                </c:ext>
              </c:extLst>
            </c:dLbl>
            <c:dLbl>
              <c:idx val="1"/>
              <c:layout>
                <c:manualLayout>
                  <c:x val="1.689190087885763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6F52-43A6-A421-3ACB729313F2}"/>
                </c:ext>
              </c:extLst>
            </c:dLbl>
            <c:dLbl>
              <c:idx val="2"/>
              <c:layout>
                <c:manualLayout>
                  <c:x val="1.2387393977828958E-2"/>
                  <c:y val="-6.2580605912838852E-17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6F52-43A6-A421-3ACB729313F2}"/>
                </c:ext>
              </c:extLst>
            </c:dLbl>
            <c:dLbl>
              <c:idx val="3"/>
              <c:layout>
                <c:manualLayout>
                  <c:x val="1.4639647428343295E-2"/>
                  <c:y val="0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6F52-43A6-A421-3ACB729313F2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2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SPIA</c:v>
                </c:pt>
                <c:pt idx="1">
                  <c:v>Public Website</c:v>
                </c:pt>
                <c:pt idx="2">
                  <c:v>Mail</c:v>
                </c:pt>
                <c:pt idx="3">
                  <c:v>CSR-assisted</c:v>
                </c:pt>
              </c:strCache>
            </c:strRef>
          </c:cat>
          <c:val>
            <c:numRef>
              <c:f>Sheet1!$B$2:$B$5</c:f>
              <c:numCache>
                <c:formatCode>#,##0</c:formatCode>
                <c:ptCount val="4"/>
                <c:pt idx="0">
                  <c:v>58201</c:v>
                </c:pt>
                <c:pt idx="1">
                  <c:v>5343</c:v>
                </c:pt>
                <c:pt idx="2">
                  <c:v>646</c:v>
                </c:pt>
                <c:pt idx="3">
                  <c:v>41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6F52-43A6-A421-3ACB729313F2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axId val="892737759"/>
        <c:axId val="957565743"/>
      </c:barChart>
      <c:catAx>
        <c:axId val="892737759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2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1" i="0" u="none" strike="noStrike" kern="1200" baseline="0">
                <a:solidFill>
                  <a:schemeClr val="tx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57565743"/>
        <c:crosses val="autoZero"/>
        <c:auto val="1"/>
        <c:lblAlgn val="ctr"/>
        <c:lblOffset val="100"/>
        <c:noMultiLvlLbl val="0"/>
      </c:catAx>
      <c:valAx>
        <c:axId val="957565743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2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1" i="0" u="none" strike="noStrike" kern="1200" baseline="0">
                <a:solidFill>
                  <a:schemeClr val="tx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9273775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withinLinear" id="18">
  <a:schemeClr val="accent5"/>
</cs:colorStyle>
</file>

<file path=ppt/charts/style1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34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12700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2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3"/>
    <cs:fontRef idx="minor">
      <a:schemeClr val="tx1"/>
    </cs:fontRef>
  </cs:dataPoint>
  <cs:dataPoint3D>
    <cs:lnRef idx="0"/>
    <cs:fillRef idx="3">
      <cs:styleClr val="auto"/>
    </cs:fillRef>
    <cs:effectRef idx="3"/>
    <cs:fontRef idx="minor">
      <a:schemeClr val="tx1"/>
    </cs:fontRef>
  </cs:dataPoint3D>
  <cs:dataPointLine>
    <cs:lnRef idx="0">
      <cs:styleClr val="auto"/>
    </cs:lnRef>
    <cs:fillRef idx="3"/>
    <cs:effectRef idx="3"/>
    <cs:fontRef idx="minor">
      <a:schemeClr val="tx1"/>
    </cs:fontRef>
    <cs:spPr>
      <a:ln w="3492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3">
      <cs:styleClr val="auto"/>
    </cs:fillRef>
    <cs:effectRef idx="3"/>
    <cs:fontRef idx="minor">
      <a:schemeClr val="tx1"/>
    </cs:fontRef>
    <cs:spPr>
      <a:ln w="9525">
        <a:solidFill>
          <a:schemeClr val="phClr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3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lt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>
    <cs:lnRef idx="0"/>
    <cs:fillRef idx="0"/>
    <cs:effectRef idx="0"/>
    <cs:fontRef idx="minor">
      <a:schemeClr val="lt1"/>
    </cs:fontRef>
  </cs:plotArea>
  <cs:plotArea3D>
    <cs:lnRef idx="0"/>
    <cs:fillRef idx="0"/>
    <cs:effectRef idx="0"/>
    <cs:fontRef idx="minor">
      <a:schemeClr val="lt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12700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600" b="1" kern="1200" baseline="0"/>
  </cs:title>
  <cs:trendline>
    <cs:lnRef idx="0">
      <cs:styleClr val="auto"/>
    </cs:lnRef>
    <cs:fillRef idx="0"/>
    <cs:effectRef idx="0"/>
    <cs:fontRef idx="minor">
      <a:schemeClr val="lt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lt1"/>
    </cs:fontRef>
  </cs:wall>
</cs:chartStyle>
</file>

<file path=ppt/charts/style4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20">
  <cs:axisTitle>
    <cs:lnRef idx="0"/>
    <cs:fillRef idx="0"/>
    <cs:effectRef idx="0"/>
    <cs:fontRef idx="minor">
      <a:schemeClr val="tx2"/>
    </cs:fontRef>
    <cs:defRPr sz="1197" b="1" kern="1200"/>
  </cs:axisTitle>
  <cs:category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2"/>
    </cs:fontRef>
    <cs:spPr>
      <a:solidFill>
        <a:schemeClr val="bg1"/>
      </a:solidFill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2"/>
    </cs:fontRef>
    <cs:defRPr sz="1197" kern="1200"/>
  </cs:dataLabel>
  <cs:dataLabelCallout>
    <cs:lnRef idx="0"/>
    <cs:fillRef idx="0"/>
    <cs:effectRef idx="0"/>
    <cs:fontRef idx="minor">
      <a:schemeClr val="dk2">
        <a:lumMod val="7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2"/>
    <cs:fontRef idx="minor">
      <a:schemeClr val="tx2"/>
    </cs:fontRef>
  </cs:dataPoint>
  <cs:dataPoint3D>
    <cs:lnRef idx="0"/>
    <cs:fillRef idx="3">
      <cs:styleClr val="auto"/>
    </cs:fillRef>
    <cs:effectRef idx="2"/>
    <cs:fontRef idx="minor">
      <a:schemeClr val="tx2"/>
    </cs:fontRef>
  </cs:dataPoint3D>
  <cs:dataPointLine>
    <cs:lnRef idx="0">
      <cs:styleClr val="auto"/>
    </cs:lnRef>
    <cs:fillRef idx="3"/>
    <cs:effectRef idx="2"/>
    <cs:fontRef idx="minor">
      <a:schemeClr val="tx2"/>
    </cs:fontRef>
    <cs:spPr>
      <a:ln w="31750" cap="rnd">
        <a:solidFill>
          <a:schemeClr val="phClr"/>
        </a:solidFill>
        <a:round/>
      </a:ln>
    </cs:spPr>
  </cs:dataPointLine>
  <cs:dataPointMarker>
    <cs:lnRef idx="0"/>
    <cs:fillRef idx="3">
      <cs:styleClr val="auto"/>
    </cs:fillRef>
    <cs:effectRef idx="2"/>
    <cs:fontRef idx="minor">
      <a:schemeClr val="tx2"/>
    </cs:fontRef>
    <cs:spPr>
      <a:ln w="12700">
        <a:solidFill>
          <a:schemeClr val="lt2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2"/>
    <cs:fontRef idx="minor">
      <a:schemeClr val="tx2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2"/>
    </cs:fontRef>
    <cs:spPr>
      <a:ln w="9525">
        <a:solidFill>
          <a:schemeClr val="tx2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tx2"/>
    </cs:fontRef>
    <cs:spPr>
      <a:ln w="9525">
        <a:solidFill>
          <a:schemeClr val="tx2">
            <a:lumMod val="75000"/>
          </a:schemeClr>
        </a:solidFill>
        <a:round/>
      </a:ln>
    </cs:spPr>
  </cs:errorBar>
  <cs:floor>
    <cs:lnRef idx="0"/>
    <cs:fillRef idx="0"/>
    <cs:effectRef idx="0"/>
    <cs:fontRef idx="minor">
      <a:schemeClr val="tx2"/>
    </cs:fontRef>
  </cs:floor>
  <cs:gridlineMajor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2"/>
    </cs:fontRef>
    <cs:spPr>
      <a:ln>
        <a:solidFill>
          <a:schemeClr val="tx2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2"/>
    </cs:fontRef>
    <cs:defRPr sz="1197" kern="1200"/>
  </cs:legend>
  <cs:plotArea>
    <cs:lnRef idx="0"/>
    <cs:fillRef idx="0"/>
    <cs:effectRef idx="0"/>
    <cs:fontRef idx="minor">
      <a:schemeClr val="tx2"/>
    </cs:fontRef>
  </cs:plotArea>
  <cs:plotArea3D>
    <cs:lnRef idx="0"/>
    <cs:fillRef idx="0"/>
    <cs:effectRef idx="0"/>
    <cs:fontRef idx="minor">
      <a:schemeClr val="tx2"/>
    </cs:fontRef>
  </cs:plotArea3D>
  <cs:series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2"/>
    </cs:fontRef>
    <cs:defRPr sz="2128" b="1" kern="1200"/>
  </cs:title>
  <cs:trendline>
    <cs:lnRef idx="0">
      <cs:styleClr val="auto"/>
    </cs:lnRef>
    <cs:fillRef idx="0"/>
    <cs:effectRef idx="0"/>
    <cs:fontRef idx="minor">
      <a:schemeClr val="tx2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2"/>
    </cs:fontRef>
    <cs:defRPr sz="1197" kern="1200"/>
  </cs:trendlineLabel>
  <cs:upBar>
    <cs:lnRef idx="0"/>
    <cs:fillRef idx="0"/>
    <cs:effectRef idx="0"/>
    <cs:fontRef idx="minor">
      <a:schemeClr val="tx2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2"/>
    </cs:fontRef>
    <cs:defRPr sz="1197" kern="1200"/>
  </cs:valueAxis>
  <cs:wall>
    <cs:lnRef idx="0"/>
    <cs:fillRef idx="0"/>
    <cs:effectRef idx="0"/>
    <cs:fontRef idx="minor">
      <a:schemeClr val="tx2"/>
    </cs:fontRef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12/14/20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12/14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D90867F-770D-4202-805A-3FE73A5D0288}" type="slidenum">
              <a:rPr lang="en-US" smtClean="0"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328325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4" Type="http://schemas.openxmlformats.org/officeDocument/2006/relationships/notesSlide" Target="../notesSlides/notesSlide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4" Type="http://schemas.openxmlformats.org/officeDocument/2006/relationships/chart" Target="../charts/chart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4" Type="http://schemas.openxmlformats.org/officeDocument/2006/relationships/chart" Target="../charts/chart2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4" Type="http://schemas.openxmlformats.org/officeDocument/2006/relationships/chart" Target="../charts/char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Relationship Id="rId4" Type="http://schemas.openxmlformats.org/officeDocument/2006/relationships/chart" Target="../charts/char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4" Type="http://schemas.openxmlformats.org/officeDocument/2006/relationships/chart" Target="../charts/char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Relationship Id="rId4" Type="http://schemas.openxmlformats.org/officeDocument/2006/relationships/chart" Target="../charts/chart6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Relationship Id="rId4" Type="http://schemas.openxmlformats.org/officeDocument/2006/relationships/chart" Target="../charts/chart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4" Type="http://schemas.openxmlformats.org/officeDocument/2006/relationships/chart" Target="../charts/chart8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Relationship Id="rId4" Type="http://schemas.openxmlformats.org/officeDocument/2006/relationships/image" Target="../media/image8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Relationship Id="rId4" Type="http://schemas.openxmlformats.org/officeDocument/2006/relationships/image" Target="../media/image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/>
              <a:t>California LifeLine Third Party Administrator</a:t>
            </a:r>
            <a:br>
              <a:rPr lang="en-US" sz="4800" dirty="0"/>
            </a:br>
            <a:endParaRPr lang="en-US" sz="4800" dirty="0">
              <a:latin typeface="+mn-l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the Administrative 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December 19, 2023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793184" y="1616516"/>
            <a:ext cx="8437901" cy="1671740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i="1" dirty="0">
                <a:solidFill>
                  <a:schemeClr val="tx2"/>
                </a:solidFill>
              </a:rPr>
              <a:t>Current: Total Number of Active LifeLine Subscribers as of December 1, 2023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000,314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50,821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151,135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793184" y="3813809"/>
            <a:ext cx="10605631" cy="16717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i="1" dirty="0">
                <a:solidFill>
                  <a:schemeClr val="tx2"/>
                </a:solidFill>
              </a:rPr>
              <a:t>September 2023 Administrative Committee Meeting: Total Number of Enrolled Subscribers as of September 1, 2023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952,257</a:t>
            </a:r>
            <a:endParaRPr lang="en-US" sz="1600" dirty="0">
              <a:solidFill>
                <a:schemeClr val="tx2"/>
              </a:solidFill>
              <a:cs typeface="Arial"/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60,590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112,847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463385"/>
            <a:ext cx="9334885" cy="1557003"/>
          </a:xfrm>
        </p:spPr>
        <p:txBody>
          <a:bodyPr>
            <a:normAutofit/>
          </a:bodyPr>
          <a:lstStyle/>
          <a:p>
            <a:r>
              <a:rPr lang="en-US" sz="3200" dirty="0"/>
              <a:t>Top 20 Counties By Active Subscribers’ LifeLine Service Addresses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1C538488-5942-D1F5-C2F7-E81CF6CA252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62290805"/>
              </p:ext>
            </p:extLst>
          </p:nvPr>
        </p:nvGraphicFramePr>
        <p:xfrm>
          <a:off x="4428128" y="1073950"/>
          <a:ext cx="5699941" cy="5320665"/>
        </p:xfrm>
        <a:graphic>
          <a:graphicData uri="http://schemas.openxmlformats.org/drawingml/2006/table">
            <a:tbl>
              <a:tblPr/>
              <a:tblGrid>
                <a:gridCol w="3254148">
                  <a:extLst>
                    <a:ext uri="{9D8B030D-6E8A-4147-A177-3AD203B41FA5}">
                      <a16:colId xmlns:a16="http://schemas.microsoft.com/office/drawing/2014/main" val="3275590211"/>
                    </a:ext>
                  </a:extLst>
                </a:gridCol>
                <a:gridCol w="2445793">
                  <a:extLst>
                    <a:ext uri="{9D8B030D-6E8A-4147-A177-3AD203B41FA5}">
                      <a16:colId xmlns:a16="http://schemas.microsoft.com/office/drawing/2014/main" val="581808431"/>
                    </a:ext>
                  </a:extLst>
                </a:gridCol>
              </a:tblGrid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LifeLine Service Address County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otal Active Subscriber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1605985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40,34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7566781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4,86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755235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0,90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806961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72,83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9670267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71,40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7078540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7,05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6382944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0,48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1121397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4,70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556500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4,10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2427994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3,77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5525941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1,36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8199234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,71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6162485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0,84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2891470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,46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442923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,00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7863218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5,12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52952697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4,29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3423328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,99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4427616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,44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0933999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lvl="2"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,35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2979021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788542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52760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Wireless: Response &amp; Approval Rates – All Form Types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F7A818A-BBCE-E27E-73F9-33A9C44484C8}"/>
              </a:ext>
            </a:extLst>
          </p:cNvPr>
          <p:cNvSpPr txBox="1"/>
          <p:nvPr/>
        </p:nvSpPr>
        <p:spPr>
          <a:xfrm>
            <a:off x="457200" y="5428227"/>
            <a:ext cx="10149838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% Responded: #Responded / #Total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% Approved = #Approved / #Respond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% Qualified or Renewed = #Approved / #Total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685CF55-6FB9-65C8-2A83-37518CD7727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98120260"/>
              </p:ext>
            </p:extLst>
          </p:nvPr>
        </p:nvGraphicFramePr>
        <p:xfrm>
          <a:off x="457201" y="1283086"/>
          <a:ext cx="10261601" cy="4055568"/>
        </p:xfrm>
        <a:graphic>
          <a:graphicData uri="http://schemas.openxmlformats.org/drawingml/2006/table">
            <a:tbl>
              <a:tblPr/>
              <a:tblGrid>
                <a:gridCol w="1465943">
                  <a:extLst>
                    <a:ext uri="{9D8B030D-6E8A-4147-A177-3AD203B41FA5}">
                      <a16:colId xmlns:a16="http://schemas.microsoft.com/office/drawing/2014/main" val="4221294807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1319790217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428365700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1624809737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3007751066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372320468"/>
                    </a:ext>
                  </a:extLst>
                </a:gridCol>
                <a:gridCol w="1465943">
                  <a:extLst>
                    <a:ext uri="{9D8B030D-6E8A-4147-A177-3AD203B41FA5}">
                      <a16:colId xmlns:a16="http://schemas.microsoft.com/office/drawing/2014/main" val="1047879800"/>
                    </a:ext>
                  </a:extLst>
                </a:gridCol>
              </a:tblGrid>
              <a:tr h="56476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onth Year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Tot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Qualified or Renew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7495369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c 202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3,61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8,43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6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7,25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1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10064072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an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0,78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5,49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6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9,02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78945580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eb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3,26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8,77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2,66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1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760253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r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5,36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0,42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4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3,83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55918412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r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3,49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5,34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0,83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43047959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y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1,35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9,87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6,55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7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32390654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n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8,14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2,73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9,70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7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0722859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l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5,38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7,77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3,07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72989719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ug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7,05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6,75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3,78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8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07100575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1,90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3,65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5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0,13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8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74084769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0,16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5,28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2,20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8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18303941"/>
                  </a:ext>
                </a:extLst>
              </a:tr>
              <a:tr h="25592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0,54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0,93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6,83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7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08166538"/>
                  </a:ext>
                </a:extLst>
              </a:tr>
              <a:tr h="41971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otals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111,07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855,48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795,91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8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721705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310795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wrap="square" anchor="ctr">
            <a:normAutofit/>
          </a:bodyPr>
          <a:lstStyle/>
          <a:p>
            <a:r>
              <a:rPr lang="en-US" sz="3200" dirty="0"/>
              <a:t>Wireline: Response &amp; Approval Rates – All Form Typ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92FB2EA-23B1-D7A2-7703-EF33171DF9E6}"/>
              </a:ext>
            </a:extLst>
          </p:cNvPr>
          <p:cNvSpPr txBox="1"/>
          <p:nvPr/>
        </p:nvSpPr>
        <p:spPr>
          <a:xfrm>
            <a:off x="457200" y="5402071"/>
            <a:ext cx="7032171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i="1" dirty="0"/>
              <a:t>% Responded: #Responded / #Total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i="1" dirty="0"/>
              <a:t>% Approved = #Approved / #Respond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i="1" dirty="0"/>
              <a:t>% Qualified or Renewed = #Approved / #Total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11B815C-3972-CBAA-21FA-7A8DB0F3861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48932327"/>
              </p:ext>
            </p:extLst>
          </p:nvPr>
        </p:nvGraphicFramePr>
        <p:xfrm>
          <a:off x="457200" y="1352551"/>
          <a:ext cx="10183222" cy="4014688"/>
        </p:xfrm>
        <a:graphic>
          <a:graphicData uri="http://schemas.openxmlformats.org/drawingml/2006/table">
            <a:tbl>
              <a:tblPr/>
              <a:tblGrid>
                <a:gridCol w="1454746">
                  <a:extLst>
                    <a:ext uri="{9D8B030D-6E8A-4147-A177-3AD203B41FA5}">
                      <a16:colId xmlns:a16="http://schemas.microsoft.com/office/drawing/2014/main" val="3257807072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2198940824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2852741749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2235586307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664885282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2841448667"/>
                    </a:ext>
                  </a:extLst>
                </a:gridCol>
                <a:gridCol w="1454746">
                  <a:extLst>
                    <a:ext uri="{9D8B030D-6E8A-4147-A177-3AD203B41FA5}">
                      <a16:colId xmlns:a16="http://schemas.microsoft.com/office/drawing/2014/main" val="3554516337"/>
                    </a:ext>
                  </a:extLst>
                </a:gridCol>
              </a:tblGrid>
              <a:tr h="511154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onth Year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Tot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#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% Qualified or Renew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98677296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c 202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,42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5,86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7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,73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4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13188116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an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,92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,33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.8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,76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87311816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eb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60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,15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,56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00975898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r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3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,34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2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,63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31152930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r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,25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,06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61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.4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72166589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y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,72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96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63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8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88909420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n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,98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15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96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1.2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59799336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l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46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04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87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1.6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6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61741348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ug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,15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90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68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8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91120665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2,06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81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29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8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4.5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59811511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04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,43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,87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7.7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23358527"/>
                  </a:ext>
                </a:extLst>
              </a:tr>
              <a:tr h="255577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 202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,650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,16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1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,96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.8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4.3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43324786"/>
                  </a:ext>
                </a:extLst>
              </a:tr>
              <a:tr h="43661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otals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3,244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2,24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4.0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5,59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.9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5%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5808954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9855550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 – New Enrollment Applications</a:t>
            </a:r>
          </a:p>
          <a:p>
            <a:r>
              <a:rPr lang="en-US" sz="3200" dirty="0"/>
              <a:t>December 2022 – November 2023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54458762-149F-AA5B-6B92-3ADD2C2A34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20869956"/>
              </p:ext>
            </p:extLst>
          </p:nvPr>
        </p:nvGraphicFramePr>
        <p:xfrm>
          <a:off x="7924800" y="1651656"/>
          <a:ext cx="4143376" cy="4191343"/>
        </p:xfrm>
        <a:graphic>
          <a:graphicData uri="http://schemas.openxmlformats.org/drawingml/2006/table">
            <a:tbl>
              <a:tblPr/>
              <a:tblGrid>
                <a:gridCol w="1025063">
                  <a:extLst>
                    <a:ext uri="{9D8B030D-6E8A-4147-A177-3AD203B41FA5}">
                      <a16:colId xmlns:a16="http://schemas.microsoft.com/office/drawing/2014/main" val="1658850011"/>
                    </a:ext>
                  </a:extLst>
                </a:gridCol>
                <a:gridCol w="1207517">
                  <a:extLst>
                    <a:ext uri="{9D8B030D-6E8A-4147-A177-3AD203B41FA5}">
                      <a16:colId xmlns:a16="http://schemas.microsoft.com/office/drawing/2014/main" val="2290912082"/>
                    </a:ext>
                  </a:extLst>
                </a:gridCol>
                <a:gridCol w="1910796">
                  <a:extLst>
                    <a:ext uri="{9D8B030D-6E8A-4147-A177-3AD203B41FA5}">
                      <a16:colId xmlns:a16="http://schemas.microsoft.com/office/drawing/2014/main" val="3055789081"/>
                    </a:ext>
                  </a:extLst>
                </a:gridCol>
              </a:tblGrid>
              <a:tr h="26208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nial Cod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yp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scription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07105415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-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cond chance application form not returned by the due date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8542725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-2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rrectible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ocumentation submitted does not meet eligibility guidelines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16603185"/>
                  </a:ext>
                </a:extLst>
              </a:tr>
              <a:tr h="684365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-21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oft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nitial application form not returned by the due date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2922711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-16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dentity Verification form not returned by the due date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46722425"/>
                  </a:ext>
                </a:extLst>
              </a:tr>
              <a:tr h="99842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-12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ctive Phone Number &amp; Service Start Date not received within 30 days of status code 5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86178037"/>
                  </a:ext>
                </a:extLst>
              </a:tr>
            </a:tbl>
          </a:graphicData>
        </a:graphic>
      </p:graphicFrame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0EE71A68-5D2C-EA77-244E-17E1DFE9382F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821601010"/>
              </p:ext>
            </p:extLst>
          </p:nvPr>
        </p:nvGraphicFramePr>
        <p:xfrm>
          <a:off x="920405" y="1651656"/>
          <a:ext cx="6842469" cy="441576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314413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 – Renewal Forms</a:t>
            </a:r>
          </a:p>
          <a:p>
            <a:r>
              <a:rPr lang="en-US" sz="3200" dirty="0"/>
              <a:t>December 2022 – November 2023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54458762-149F-AA5B-6B92-3ADD2C2A34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89465633"/>
              </p:ext>
            </p:extLst>
          </p:nvPr>
        </p:nvGraphicFramePr>
        <p:xfrm>
          <a:off x="7696200" y="1651656"/>
          <a:ext cx="4371976" cy="4299720"/>
        </p:xfrm>
        <a:graphic>
          <a:graphicData uri="http://schemas.openxmlformats.org/drawingml/2006/table">
            <a:tbl>
              <a:tblPr/>
              <a:tblGrid>
                <a:gridCol w="1081618">
                  <a:extLst>
                    <a:ext uri="{9D8B030D-6E8A-4147-A177-3AD203B41FA5}">
                      <a16:colId xmlns:a16="http://schemas.microsoft.com/office/drawing/2014/main" val="1658850011"/>
                    </a:ext>
                  </a:extLst>
                </a:gridCol>
                <a:gridCol w="1274139">
                  <a:extLst>
                    <a:ext uri="{9D8B030D-6E8A-4147-A177-3AD203B41FA5}">
                      <a16:colId xmlns:a16="http://schemas.microsoft.com/office/drawing/2014/main" val="2290912082"/>
                    </a:ext>
                  </a:extLst>
                </a:gridCol>
                <a:gridCol w="2016219">
                  <a:extLst>
                    <a:ext uri="{9D8B030D-6E8A-4147-A177-3AD203B41FA5}">
                      <a16:colId xmlns:a16="http://schemas.microsoft.com/office/drawing/2014/main" val="3055789081"/>
                    </a:ext>
                  </a:extLst>
                </a:gridCol>
              </a:tblGrid>
              <a:tr h="26208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nial Cod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yp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scription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07105415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-15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oft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nitial renewal form not returned by the due date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8542725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-8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 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cond chance renewal form not returned by the due date</a:t>
                      </a:r>
                    </a:p>
                    <a:p>
                      <a:pPr algn="ctr" fontAlgn="ctr"/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16603185"/>
                  </a:ext>
                </a:extLst>
              </a:tr>
              <a:tr h="684365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-9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 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cond chance renewal form was returned to the TPA as non-deliverable as address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2922711"/>
                  </a:ext>
                </a:extLst>
              </a:tr>
              <a:tr h="748821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1-13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dentity Verification form not returned by the due date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46722425"/>
                  </a:ext>
                </a:extLst>
              </a:tr>
              <a:tr h="99842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-17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rrectible Denial 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ubscriber did not initial question acknowledging no other member of the subscriber’s household is already receiving a LifeLine benefit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86178037"/>
                  </a:ext>
                </a:extLst>
              </a:tr>
            </a:tbl>
          </a:graphicData>
        </a:graphic>
      </p:graphicFrame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E55D85E9-A226-63D3-6F9E-502F041B5C9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96150544"/>
              </p:ext>
            </p:extLst>
          </p:nvPr>
        </p:nvGraphicFramePr>
        <p:xfrm>
          <a:off x="920405" y="1651656"/>
          <a:ext cx="6690070" cy="419134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874227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14757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dirty="0"/>
              <a:t>Top 5 Service Providers by Subscriber Counts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7FE0B7F0-7124-C6DA-275A-2E4D91551D8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185865586"/>
              </p:ext>
            </p:extLst>
          </p:nvPr>
        </p:nvGraphicFramePr>
        <p:xfrm>
          <a:off x="552450" y="957262"/>
          <a:ext cx="10391775" cy="53006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966379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dirty="0"/>
              <a:t>Top 5 Service Providers by Subscriber Counts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2D5363E0-E36D-88EB-D4EB-80C2714AC4E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20545300"/>
              </p:ext>
            </p:extLst>
          </p:nvPr>
        </p:nvGraphicFramePr>
        <p:xfrm>
          <a:off x="458790" y="1438275"/>
          <a:ext cx="11274421" cy="4745076"/>
        </p:xfrm>
        <a:graphic>
          <a:graphicData uri="http://schemas.openxmlformats.org/drawingml/2006/table">
            <a:tbl>
              <a:tblPr/>
              <a:tblGrid>
                <a:gridCol w="2610493">
                  <a:extLst>
                    <a:ext uri="{9D8B030D-6E8A-4147-A177-3AD203B41FA5}">
                      <a16:colId xmlns:a16="http://schemas.microsoft.com/office/drawing/2014/main" val="3278216981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978101890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1702236872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1198229847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415406420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2560590994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2933079902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771545438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1303272097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1875093548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1669267355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3953769921"/>
                    </a:ext>
                  </a:extLst>
                </a:gridCol>
                <a:gridCol w="721994">
                  <a:extLst>
                    <a:ext uri="{9D8B030D-6E8A-4147-A177-3AD203B41FA5}">
                      <a16:colId xmlns:a16="http://schemas.microsoft.com/office/drawing/2014/main" val="3733365088"/>
                    </a:ext>
                  </a:extLst>
                </a:gridCol>
              </a:tblGrid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c-22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an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eb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r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pr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ay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n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l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ug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-2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69DE6">
                        <a:alpha val="50000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18214986"/>
                  </a:ext>
                </a:extLst>
              </a:tr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ruConnect 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1,57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4,51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6,86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7,71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8,937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5,87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2,422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7,967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6,088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9,36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6,54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8,99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62025481"/>
                  </a:ext>
                </a:extLst>
              </a:tr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ssurance Wireless by T-Mobile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2,61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8,21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1,46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4,51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6,62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9,62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1,097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0,508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6,862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1,41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58,217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19,271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42210542"/>
                  </a:ext>
                </a:extLst>
              </a:tr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racFone dba SafeLink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8,21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3,53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0,83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4,76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7,918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3,98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2,38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7,22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8,46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6,20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1,02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5,44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65419679"/>
                  </a:ext>
                </a:extLst>
              </a:tr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Boomerang Wireless dba enTouch Wireless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,07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1,94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4,94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7,38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9,068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1,731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6,101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7,571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9,05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7,30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4,93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3,02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819430"/>
                  </a:ext>
                </a:extLst>
              </a:tr>
              <a:tr h="79084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Pacific Bell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0,26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3,784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2,33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1,33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0,41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9,646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8,569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7,375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6,301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4,580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2,768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9,333</a:t>
                      </a:r>
                    </a:p>
                  </a:txBody>
                  <a:tcPr marL="8084" marR="8084" marT="8084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6728494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181633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Enrollment Eligibility Methods – Program versus Income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926FBBF4-B90C-D60E-65C6-3FB1654FD0A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767623958"/>
              </p:ext>
            </p:extLst>
          </p:nvPr>
        </p:nvGraphicFramePr>
        <p:xfrm>
          <a:off x="457199" y="1207293"/>
          <a:ext cx="10067925" cy="506968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Enrollment Eligibility Methods – By Qualifying Program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857FBE97-EEDE-C4A1-E85A-6A5B1AFEC80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239807364"/>
              </p:ext>
            </p:extLst>
          </p:nvPr>
        </p:nvGraphicFramePr>
        <p:xfrm>
          <a:off x="457200" y="1133476"/>
          <a:ext cx="11025188" cy="527963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119892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200"/>
              </a:spcAft>
            </a:pPr>
            <a:r>
              <a:rPr lang="en-US" b="1" dirty="0">
                <a:solidFill>
                  <a:srgbClr val="000000"/>
                </a:solidFill>
                <a:latin typeface="Arial" panose="020B0604020202020204" pitchFamily="34" charset="0"/>
                <a:ea typeface="Calibri" panose="020F0502020204030204" pitchFamily="34" charset="0"/>
              </a:rPr>
              <a:t>Enhanced TPA’s “Customer Escalation” </a:t>
            </a:r>
            <a:r>
              <a:rPr lang="en-US" b="1">
                <a:solidFill>
                  <a:srgbClr val="000000"/>
                </a:solidFill>
                <a:latin typeface="Arial" panose="020B0604020202020204" pitchFamily="34" charset="0"/>
                <a:ea typeface="Calibri" panose="020F0502020204030204" pitchFamily="34" charset="0"/>
              </a:rPr>
              <a:t>Process – September 12</a:t>
            </a:r>
            <a:endParaRPr lang="en-US" b="1" i="1" dirty="0">
              <a:solidFill>
                <a:schemeClr val="tx2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F8B25BE-9DDA-3735-7B42-AB2F9DC833CD}"/>
              </a:ext>
            </a:extLst>
          </p:cNvPr>
          <p:cNvSpPr txBox="1"/>
          <p:nvPr/>
        </p:nvSpPr>
        <p:spPr>
          <a:xfrm>
            <a:off x="1141527" y="1645919"/>
            <a:ext cx="9657806" cy="43396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Representatives from the TPA’s Call Center assist callers with completion of CPUC/CAB Inquiry forms using the CPUC’s public website (www.cpuc.ca.gov) to file complaints with the CPUC/CAB</a:t>
            </a:r>
          </a:p>
          <a:p>
            <a:pPr marL="28575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The TPA’s Call Center has augmented this process to include alerting the TPA’s Management Team in the event a Service Provider should be contacted about an escalating caller’s issue</a:t>
            </a:r>
          </a:p>
          <a:p>
            <a:pPr marL="28575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Common issues reported by consumer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Assistance starting the LifeLine enrollment proces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Correcting SSN4 values and dates of birth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Correcting names and addresse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Obtaining LifeLine billing credits</a:t>
            </a:r>
          </a:p>
          <a:p>
            <a:pPr marL="28575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2">
                    <a:lumMod val="10000"/>
                  </a:schemeClr>
                </a:solidFill>
                <a:effectLst/>
                <a:ea typeface="Calibri" panose="020F0502020204030204" pitchFamily="34" charset="0"/>
                <a:cs typeface="Arial" panose="020B0604020202020204" pitchFamily="34" charset="0"/>
              </a:rPr>
              <a:t>As a resu</a:t>
            </a:r>
            <a:r>
              <a:rPr lang="en-US" sz="1600" dirty="0">
                <a:solidFill>
                  <a:schemeClr val="bg2">
                    <a:lumMod val="10000"/>
                  </a:schemeClr>
                </a:solidFill>
                <a:ea typeface="Calibri" panose="020F0502020204030204" pitchFamily="34" charset="0"/>
                <a:cs typeface="Arial" panose="020B0604020202020204" pitchFamily="34" charset="0"/>
              </a:rPr>
              <a:t>lt of this process change, from September 1 through December 12, the TPA’s Management Team has alerted Service Providers about 207 escalated consumer issues</a:t>
            </a:r>
            <a:endParaRPr lang="en-US" sz="1600" dirty="0">
              <a:solidFill>
                <a:schemeClr val="tx1">
                  <a:lumMod val="50000"/>
                </a:schemeClr>
              </a:solidFill>
              <a:effectLst/>
              <a:ea typeface="Calibri" panose="020F050202020403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667559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Enrollment Application Volume By Received Channel</a:t>
            </a:r>
            <a:br>
              <a:rPr lang="en-US" sz="3200" dirty="0"/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Decem</a:t>
            </a:r>
            <a:r>
              <a:rPr lang="en-US" sz="3200" dirty="0"/>
              <a:t>ber 2022 </a:t>
            </a:r>
            <a:r>
              <a:rPr lang="en-US" sz="3200" b="0" i="0" kern="1200" dirty="0">
                <a:latin typeface="+mj-lt"/>
                <a:ea typeface="+mj-ea"/>
                <a:cs typeface="+mj-cs"/>
              </a:rPr>
              <a:t>– November 2023</a:t>
            </a:r>
            <a:endParaRPr lang="en-US" sz="3200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AAF32389-4B74-2025-D2D4-92170F14A338}"/>
              </a:ext>
            </a:extLst>
          </p:cNvPr>
          <p:cNvSpPr/>
          <p:nvPr/>
        </p:nvSpPr>
        <p:spPr>
          <a:xfrm>
            <a:off x="457199" y="5506205"/>
            <a:ext cx="3356043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Enrollment application forms received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8CBBBC3A-FFDE-1462-F2F1-95B22D0EC62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21245196"/>
              </p:ext>
            </p:extLst>
          </p:nvPr>
        </p:nvGraphicFramePr>
        <p:xfrm>
          <a:off x="531223" y="1558833"/>
          <a:ext cx="9353006" cy="381435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Renewal Form Volume By Received Channel </a:t>
            </a:r>
          </a:p>
          <a:p>
            <a:r>
              <a:rPr lang="en-US" sz="3200" b="0" i="0" kern="1200" dirty="0">
                <a:latin typeface="+mj-lt"/>
                <a:ea typeface="+mj-ea"/>
                <a:cs typeface="+mj-cs"/>
              </a:rPr>
              <a:t>Decem</a:t>
            </a:r>
            <a:r>
              <a:rPr lang="en-US" sz="3200" dirty="0"/>
              <a:t>ber 2022 </a:t>
            </a:r>
            <a:r>
              <a:rPr lang="en-US" sz="3200" b="0" i="0" kern="1200" dirty="0">
                <a:latin typeface="+mj-lt"/>
                <a:ea typeface="+mj-ea"/>
                <a:cs typeface="+mj-cs"/>
              </a:rPr>
              <a:t>– November 2023</a:t>
            </a:r>
            <a:endParaRPr lang="en-US" sz="32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1FB4E99-BDC5-85F0-F6A0-1CC1BE2AF76D}"/>
              </a:ext>
            </a:extLst>
          </p:cNvPr>
          <p:cNvSpPr/>
          <p:nvPr/>
        </p:nvSpPr>
        <p:spPr>
          <a:xfrm>
            <a:off x="116732" y="5680953"/>
            <a:ext cx="2740768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Renewal forms received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9D0D0AE6-B214-7657-847C-C39CF3D3F5F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0684459"/>
              </p:ext>
            </p:extLst>
          </p:nvPr>
        </p:nvGraphicFramePr>
        <p:xfrm>
          <a:off x="457200" y="1558834"/>
          <a:ext cx="9644743" cy="404077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3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Renewal Rate</a:t>
            </a:r>
          </a:p>
          <a:p>
            <a:r>
              <a:rPr lang="en-US" sz="3200" dirty="0"/>
              <a:t>September 2022 – August 2023*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609600" y="1742972"/>
            <a:ext cx="10101943" cy="28315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Outcomes have been recorded for all renewal processes started on and between 08/17/2022 and 8/16/2023</a:t>
            </a:r>
          </a:p>
          <a:p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renewal processes started:		1,076,740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Hard Denials:			   285,593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newal Rate:			   73.48%</a:t>
            </a:r>
          </a:p>
          <a:p>
            <a:pPr lvl="1"/>
            <a:endParaRPr lang="en-US" sz="16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600" dirty="0"/>
          </a:p>
          <a:p>
            <a:endParaRPr lang="en-US" dirty="0"/>
          </a:p>
          <a:p>
            <a:r>
              <a:rPr lang="en-US" dirty="0"/>
              <a:t>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9B0A39-38E5-F8A8-ABB7-9DE92FFD8005}"/>
              </a:ext>
            </a:extLst>
          </p:cNvPr>
          <p:cNvSpPr txBox="1"/>
          <p:nvPr/>
        </p:nvSpPr>
        <p:spPr>
          <a:xfrm>
            <a:off x="683623" y="4467496"/>
            <a:ext cx="9810206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*Note: 8/17/2022 through 8/16/2023 is the period used to calculate the renewal rate because final dispositions have been recorded for for all renewal processes started during the one (1) year period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19199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r>
              <a:rPr lang="en-US" b="0" i="0" kern="1200" dirty="0">
                <a:latin typeface="+mj-lt"/>
                <a:ea typeface="+mj-ea"/>
                <a:cs typeface="+mj-cs"/>
              </a:rPr>
              <a:t>Standalone IEH Volume By Received Channel </a:t>
            </a:r>
          </a:p>
          <a:p>
            <a:r>
              <a:rPr lang="en-US" b="0" i="0" kern="1200" dirty="0">
                <a:latin typeface="+mj-lt"/>
                <a:ea typeface="+mj-ea"/>
                <a:cs typeface="+mj-cs"/>
              </a:rPr>
              <a:t>Decem</a:t>
            </a:r>
            <a:r>
              <a:rPr lang="en-US" dirty="0"/>
              <a:t>ber 2022 </a:t>
            </a:r>
            <a:r>
              <a:rPr lang="en-US" b="0" i="0" kern="1200" dirty="0">
                <a:latin typeface="+mj-lt"/>
                <a:ea typeface="+mj-ea"/>
                <a:cs typeface="+mj-cs"/>
              </a:rPr>
              <a:t>– November 2023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FCB85951-5D47-8813-1003-AEB501DB8A5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263141056"/>
              </p:ext>
            </p:extLst>
          </p:nvPr>
        </p:nvGraphicFramePr>
        <p:xfrm>
          <a:off x="457206" y="1669497"/>
          <a:ext cx="11277594" cy="372049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5" name="Rectangle 4">
            <a:extLst>
              <a:ext uri="{FF2B5EF4-FFF2-40B4-BE49-F238E27FC236}">
                <a16:creationId xmlns:a16="http://schemas.microsoft.com/office/drawing/2014/main" id="{685BBE08-3646-FD86-DD91-FE2F13FD3B14}"/>
              </a:ext>
            </a:extLst>
          </p:cNvPr>
          <p:cNvSpPr/>
          <p:nvPr/>
        </p:nvSpPr>
        <p:spPr>
          <a:xfrm>
            <a:off x="657233" y="5580489"/>
            <a:ext cx="11277592" cy="64886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square" lIns="0" tIns="0" rIns="0" bIns="0" rtlCol="0">
            <a:normAutofit/>
          </a:bodyPr>
          <a:lstStyle/>
          <a:p>
            <a:pPr marL="0" lvl="1">
              <a:lnSpc>
                <a:spcPct val="90000"/>
              </a:lnSpc>
              <a:spcBef>
                <a:spcPts val="500"/>
              </a:spcBef>
            </a:pP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# Standalone IEH forms received</a:t>
            </a:r>
          </a:p>
          <a:p>
            <a:pPr marL="0" lvl="1">
              <a:lnSpc>
                <a:spcPct val="90000"/>
              </a:lnSpc>
              <a:spcBef>
                <a:spcPts val="500"/>
              </a:spcBef>
            </a:pPr>
            <a:endParaRPr lang="en-US" sz="1200" dirty="0">
              <a:solidFill>
                <a:schemeClr val="tx1"/>
              </a:solidFill>
            </a:endParaRPr>
          </a:p>
          <a:p>
            <a:pPr marL="0" lvl="1">
              <a:lnSpc>
                <a:spcPct val="90000"/>
              </a:lnSpc>
              <a:spcBef>
                <a:spcPts val="500"/>
              </a:spcBef>
            </a:pPr>
            <a:r>
              <a:rPr lang="en-US" sz="1200" b="1" i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Note: Standalone IEH process was deployed 3/31/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408913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 graph of blue and grey bars&#10;&#10;Description automatically generated">
            <a:extLst>
              <a:ext uri="{FF2B5EF4-FFF2-40B4-BE49-F238E27FC236}">
                <a16:creationId xmlns:a16="http://schemas.microsoft.com/office/drawing/2014/main" id="{365883FB-1ACC-9300-9A19-502BD10471F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25096" r="-1" b="6851"/>
          <a:stretch/>
        </p:blipFill>
        <p:spPr>
          <a:xfrm>
            <a:off x="458724" y="1964077"/>
            <a:ext cx="11274552" cy="4315845"/>
          </a:xfrm>
          <a:prstGeom prst="rect">
            <a:avLst/>
          </a:prstGeom>
          <a:noFill/>
        </p:spPr>
      </p:pic>
      <p:sp>
        <p:nvSpPr>
          <p:cNvPr id="13" name="Title 2">
            <a:extLst>
              <a:ext uri="{FF2B5EF4-FFF2-40B4-BE49-F238E27FC236}">
                <a16:creationId xmlns:a16="http://schemas.microsoft.com/office/drawing/2014/main" id="{44218296-BE2B-90EC-EB5C-E8D997DFFD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48763"/>
            <a:ext cx="11277600" cy="1060290"/>
          </a:xfrm>
        </p:spPr>
        <p:txBody>
          <a:bodyPr/>
          <a:lstStyle/>
          <a:p>
            <a:r>
              <a:rPr lang="en-US" sz="3700" dirty="0"/>
              <a:t>Monthly Inbound Call Volumes – English &amp; Spanish</a:t>
            </a:r>
            <a:br>
              <a:rPr lang="en-US" sz="3700" dirty="0"/>
            </a:br>
            <a:r>
              <a:rPr lang="en-US" sz="3700" dirty="0"/>
              <a:t>December 2022 through November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070700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075" name="Graphic 2">
            <a:extLst>
              <a:ext uri="{FF2B5EF4-FFF2-40B4-BE49-F238E27FC236}">
                <a16:creationId xmlns:a16="http://schemas.microsoft.com/office/drawing/2014/main" id="{FAD979CE-E068-8111-CCEB-B8738208EAB7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5492" b="4969"/>
          <a:stretch/>
        </p:blipFill>
        <p:spPr bwMode="auto">
          <a:xfrm>
            <a:off x="381998" y="1624964"/>
            <a:ext cx="11688389" cy="4572000"/>
          </a:xfrm>
          <a:prstGeom prst="rect">
            <a:avLst/>
          </a:pr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080" name="Title 2">
            <a:extLst>
              <a:ext uri="{FF2B5EF4-FFF2-40B4-BE49-F238E27FC236}">
                <a16:creationId xmlns:a16="http://schemas.microsoft.com/office/drawing/2014/main" id="{3C9C9BA9-B9A5-8E5E-94A6-EEDE57FC92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222520"/>
            <a:ext cx="11277600" cy="1060290"/>
          </a:xfrm>
        </p:spPr>
        <p:txBody>
          <a:bodyPr/>
          <a:lstStyle/>
          <a:p>
            <a:r>
              <a:rPr lang="en-US" sz="3700" dirty="0"/>
              <a:t>Monthly Inbound Call Volumes – English &amp; Spanish</a:t>
            </a:r>
            <a:br>
              <a:rPr lang="en-US" sz="3700" dirty="0"/>
            </a:br>
            <a:r>
              <a:rPr lang="en-US" sz="3700" dirty="0"/>
              <a:t>December 2022 through November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2900318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90985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200"/>
              </a:spcAft>
            </a:pPr>
            <a:r>
              <a:rPr lang="en-US" b="1" spc="-1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California LifeLine Customer Portal, Phase I – December 15</a:t>
            </a:r>
            <a:endParaRPr lang="en-US" b="1" i="1" dirty="0">
              <a:solidFill>
                <a:schemeClr val="tx2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F8B25BE-9DDA-3735-7B42-AB2F9DC833CD}"/>
              </a:ext>
            </a:extLst>
          </p:cNvPr>
          <p:cNvSpPr txBox="1"/>
          <p:nvPr/>
        </p:nvSpPr>
        <p:spPr>
          <a:xfrm>
            <a:off x="1141527" y="1279186"/>
            <a:ext cx="9657806" cy="532453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Commission-issued personal identification numbers (PINs) replaced with registered usernames and password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gistered users choose the multi-factor authentication (MFA) method: email, SMS text, or phone call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Online form completion and upload functionality offered by the public website remains the same but without the traditional PIN requirement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gistered users have the option to provide gender, race/ethnicity, and household income information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gistered users gain new self-help functionality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/>
              <a:t>Canceling pending transfer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/>
              <a:t>Self-initiated removals from Program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/>
              <a:t>Viewing font and language preference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/>
              <a:t>Viewing current address information stored with the TPA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/>
              <a:t>Viewing Program anniversary dates (for renewal)</a:t>
            </a:r>
          </a:p>
          <a:p>
            <a:r>
              <a:rPr lang="en-US" sz="1600" dirty="0"/>
              <a:t>During the “soft launch” of the Customer Portal, from November 10</a:t>
            </a:r>
            <a:r>
              <a:rPr lang="en-US" sz="1600" baseline="30000" dirty="0"/>
              <a:t>th</a:t>
            </a:r>
            <a:r>
              <a:rPr lang="en-US" sz="1600" dirty="0"/>
              <a:t> through December 13</a:t>
            </a:r>
            <a:r>
              <a:rPr lang="en-US" sz="1600" baseline="30000" dirty="0"/>
              <a:t>th</a:t>
            </a:r>
            <a:r>
              <a:rPr lang="en-US" sz="1600" dirty="0"/>
              <a:t>, 10,674 portal users registered account profiles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378606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119892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lection of Additional Demographic Data from LifeLine Applicants and Subscribers</a:t>
            </a:r>
            <a:endParaRPr lang="en-US" sz="1800" b="1" dirty="0">
              <a:solidFill>
                <a:schemeClr val="bg2">
                  <a:lumMod val="10000"/>
                </a:schemeClr>
              </a:solidFill>
              <a:effectLst/>
              <a:latin typeface="Arial" panose="020B0604020202020204" pitchFamily="34" charset="0"/>
              <a:ea typeface="Calibri" panose="020F0502020204030204" pitchFamily="34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F8B25BE-9DDA-3735-7B42-AB2F9DC833CD}"/>
              </a:ext>
            </a:extLst>
          </p:cNvPr>
          <p:cNvSpPr txBox="1"/>
          <p:nvPr/>
        </p:nvSpPr>
        <p:spPr>
          <a:xfrm>
            <a:off x="1141527" y="1724296"/>
            <a:ext cx="9657806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nually, the CPUC must report to the California Legislature about the degree of achievement of universal telephone service for California residents, including Program penetration rates by income, ethnicity, and geography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The</a:t>
            </a:r>
            <a:r>
              <a:rPr lang="en-US" sz="1600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alifornia LifeLine Customer Portal, Phase I, </a:t>
            </a:r>
            <a:r>
              <a:rPr lang="en-US" sz="1600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quests from portal users, during the registration process, voluntary responses to questions about</a:t>
            </a:r>
            <a:endParaRPr lang="en-US" sz="1600" dirty="0">
              <a:solidFill>
                <a:srgbClr val="424242"/>
              </a:solidFill>
              <a:latin typeface="Arial" panose="020B06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tal combined income of all members of portal users’ households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rtal users’ race/ethnicity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rtal users’ gender</a:t>
            </a:r>
          </a:p>
          <a:p>
            <a:endParaRPr lang="en-US" sz="1600" dirty="0">
              <a:solidFill>
                <a:schemeClr val="tx1">
                  <a:lumMod val="50000"/>
                </a:schemeClr>
              </a:solidFill>
            </a:endParaRPr>
          </a:p>
          <a:p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Beginning December 15, 2023, collection of the additional demographic data has been introduced in new enrollment and renewal forms</a:t>
            </a:r>
          </a:p>
          <a:p>
            <a:endParaRPr lang="en-US" sz="1600" dirty="0">
              <a:solidFill>
                <a:schemeClr val="tx1">
                  <a:lumMod val="50000"/>
                </a:schemeClr>
              </a:solidFill>
            </a:endParaRPr>
          </a:p>
          <a:p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The Service Provider Intake API, known as SPIA, has similarly been enhanced to collect the additional demographic data from applicants and subscribers</a:t>
            </a: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90017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119892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lection of Additional Demographic Data from LifeLine Applicants and Subscribers</a:t>
            </a:r>
            <a:endParaRPr lang="en-US" sz="1800" b="1" dirty="0">
              <a:solidFill>
                <a:schemeClr val="bg2">
                  <a:lumMod val="10000"/>
                </a:schemeClr>
              </a:solidFill>
              <a:effectLst/>
              <a:latin typeface="Arial" panose="020B0604020202020204" pitchFamily="34" charset="0"/>
              <a:ea typeface="Calibri" panose="020F0502020204030204" pitchFamily="34" charset="0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0B779C48-B7AA-91CB-FA66-2B0143A4D6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39803" y="1645920"/>
            <a:ext cx="2121481" cy="4846320"/>
          </a:xfrm>
          <a:prstGeom prst="rect">
            <a:avLst/>
          </a:prstGeom>
        </p:spPr>
      </p:pic>
      <p:pic>
        <p:nvPicPr>
          <p:cNvPr id="5" name="Picture 4" descr="A screen shot of a survey">
            <a:extLst>
              <a:ext uri="{FF2B5EF4-FFF2-40B4-BE49-F238E27FC236}">
                <a16:creationId xmlns:a16="http://schemas.microsoft.com/office/drawing/2014/main" id="{751D76A5-0A17-DD3F-CC0E-17E674D0A5B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22074" y="1645920"/>
            <a:ext cx="2358959" cy="2286000"/>
          </a:xfrm>
          <a:prstGeom prst="rect">
            <a:avLst/>
          </a:prstGeom>
        </p:spPr>
      </p:pic>
      <p:pic>
        <p:nvPicPr>
          <p:cNvPr id="6" name="Picture 5" descr="A screenshot of a survey&#10;&#10;Description automatically generated">
            <a:extLst>
              <a:ext uri="{FF2B5EF4-FFF2-40B4-BE49-F238E27FC236}">
                <a16:creationId xmlns:a16="http://schemas.microsoft.com/office/drawing/2014/main" id="{D6D76E65-8E4F-24C4-2C7F-0DDBCFB4BB3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41823" y="1645920"/>
            <a:ext cx="3462674" cy="35661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61193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119892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lection of Additional Demographic Data from LifeLine Applicants and Subscribers</a:t>
            </a:r>
            <a:endParaRPr lang="en-US" sz="1800" b="1" dirty="0">
              <a:solidFill>
                <a:schemeClr val="bg2">
                  <a:lumMod val="10000"/>
                </a:schemeClr>
              </a:solidFill>
              <a:effectLst/>
              <a:latin typeface="Arial" panose="020B0604020202020204" pitchFamily="34" charset="0"/>
              <a:ea typeface="Calibri" panose="020F0502020204030204" pitchFamily="34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BB58FFB-CF15-050A-1C5F-1CBEB10FF405}"/>
              </a:ext>
            </a:extLst>
          </p:cNvPr>
          <p:cNvSpPr txBox="1"/>
          <p:nvPr/>
        </p:nvSpPr>
        <p:spPr>
          <a:xfrm>
            <a:off x="1210491" y="1854926"/>
            <a:ext cx="8708572" cy="21852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The “soft launch” of the California LifeLine Customer Portal offered the opportunity to track the engagement of portal users with the new demographic data questions</a:t>
            </a:r>
          </a:p>
          <a:p>
            <a:endParaRPr lang="en-US" sz="1600" dirty="0"/>
          </a:p>
          <a:p>
            <a:r>
              <a:rPr lang="en-US" sz="1600" dirty="0"/>
              <a:t>From November 10</a:t>
            </a:r>
            <a:r>
              <a:rPr lang="en-US" sz="1600" baseline="30000" dirty="0"/>
              <a:t>th</a:t>
            </a:r>
            <a:r>
              <a:rPr lang="en-US" sz="1600" dirty="0"/>
              <a:t> through December 13</a:t>
            </a:r>
            <a:r>
              <a:rPr lang="en-US" sz="1600" baseline="30000" dirty="0"/>
              <a:t>th</a:t>
            </a:r>
            <a:r>
              <a:rPr lang="en-US" sz="1600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10,472 of the 10,674 registered portal users answered at least one of the new demographic questions during the registration process</a:t>
            </a:r>
          </a:p>
          <a:p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248258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141527" y="1198924"/>
            <a:ext cx="1037991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-branded Flyer with Anthem Blue Cross</a:t>
            </a:r>
            <a:endParaRPr lang="en-US" sz="1800" b="1" dirty="0">
              <a:solidFill>
                <a:schemeClr val="bg2">
                  <a:lumMod val="10000"/>
                </a:schemeClr>
              </a:solidFill>
              <a:effectLst/>
              <a:latin typeface="Arial" panose="020B0604020202020204" pitchFamily="34" charset="0"/>
              <a:ea typeface="Calibri" panose="020F0502020204030204" pitchFamily="34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FF68000-D9CA-9A32-C1F9-37941D3DAF84}"/>
              </a:ext>
            </a:extLst>
          </p:cNvPr>
          <p:cNvSpPr txBox="1"/>
          <p:nvPr/>
        </p:nvSpPr>
        <p:spPr>
          <a:xfrm>
            <a:off x="1141526" y="1915886"/>
            <a:ext cx="8516279" cy="32316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The LifeLine Program collaborated with Anthem Blue Cross with the design of a flyer which provides a link and QR code to the LifeLine Customer Portal. This informational flyer helps interested consumers</a:t>
            </a:r>
          </a:p>
          <a:p>
            <a:pPr marL="7429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view the LifeLine Program’s eligibility guidelines</a:t>
            </a:r>
          </a:p>
          <a:p>
            <a:pPr marL="7429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arch for a LifeLine service plan and Service Provider</a:t>
            </a:r>
          </a:p>
          <a:p>
            <a:pPr>
              <a:lnSpc>
                <a:spcPct val="150000"/>
              </a:lnSpc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them Blue Cross is sharing the flyer with attendees of open enrollment member events throughout California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nce October 19, 2023, when Anthem Blue Cross started distributing the flyer, thirty-five (35) users have accessed the public website by utilizing the link provided in the flyer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115884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1053737" y="1506583"/>
            <a:ext cx="9675223" cy="258532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California LifeLine Customer Portal, Phase II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Targeted for February 2024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sz="1600" dirty="0"/>
              <a:t>Enhancing the “My Account” Portal functionality to enable registered portal users to view and download Program decision lett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b="1" dirty="0"/>
              <a:t>Implementing a “lookback” for the weekly USAC federal broadband-only subscribers lists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sz="1600" dirty="0"/>
              <a:t>Targeted for February 2024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sz="1600" dirty="0"/>
              <a:t>Augmenting Program waste, fraud, and abuse prevention measur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17219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5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81755" y="1042182"/>
            <a:ext cx="10741025" cy="5541498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Program Participation – Active LifeLine Subscrib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Program Participation - Top 20 Countie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Wireless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Wireline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Top 5 Denial Reasons – New Enrollment Application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Top 5 Denial Reasons – Renewal Form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Subscriber Count Trends for Largest Service Provid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Top 5 Service Providers by Subscriber Coun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Enrollment Eligibility Methods – Program versus Incom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Enrollment Eligibility Methods – By Qualifying Progra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Enrollment Application Volumes By Received Channe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Renewal Form Volumes By Received Channe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Renewal Rat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Standalone IEH Volume By Received Channe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Call Volumes – English &amp; Spanis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Call Volumes – Other Supported Languages</a:t>
            </a:r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120077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5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6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7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 panose="020F03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4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C9624FA-BE37-4338-AFBA-10A015DA315A}">
  <ds:schemaRefs/>
</ds:datastoreItem>
</file>

<file path=customXml/itemProps10.xml><?xml version="1.0" encoding="utf-8"?>
<ds:datastoreItem xmlns:ds="http://schemas.openxmlformats.org/officeDocument/2006/customXml" ds:itemID="{42219685-AC28-4D72-BAD4-95CE9223AADE}">
  <ds:schemaRefs/>
</ds:datastoreItem>
</file>

<file path=customXml/itemProps11.xml><?xml version="1.0" encoding="utf-8"?>
<ds:datastoreItem xmlns:ds="http://schemas.openxmlformats.org/officeDocument/2006/customXml" ds:itemID="{79D10496-4918-472A-B1E5-31FF766545FA}">
  <ds:schemaRefs/>
</ds:datastoreItem>
</file>

<file path=customXml/itemProps12.xml><?xml version="1.0" encoding="utf-8"?>
<ds:datastoreItem xmlns:ds="http://schemas.openxmlformats.org/officeDocument/2006/customXml" ds:itemID="{1F5E2230-9C7A-4784-9188-C6A99A51ACAD}">
  <ds:schemaRefs/>
</ds:datastoreItem>
</file>

<file path=customXml/itemProps13.xml><?xml version="1.0" encoding="utf-8"?>
<ds:datastoreItem xmlns:ds="http://schemas.openxmlformats.org/officeDocument/2006/customXml" ds:itemID="{9C467E4B-504F-4FEA-9408-100235ED4BB3}">
  <ds:schemaRefs/>
</ds:datastoreItem>
</file>

<file path=customXml/itemProps14.xml><?xml version="1.0" encoding="utf-8"?>
<ds:datastoreItem xmlns:ds="http://schemas.openxmlformats.org/officeDocument/2006/customXml" ds:itemID="{1F75B599-F8D7-4E02-84D4-1DB9D826A61A}">
  <ds:schemaRefs/>
</ds:datastoreItem>
</file>

<file path=customXml/itemProps15.xml><?xml version="1.0" encoding="utf-8"?>
<ds:datastoreItem xmlns:ds="http://schemas.openxmlformats.org/officeDocument/2006/customXml" ds:itemID="{3A9B9BAB-16CC-406A-A243-C93D0C4E5ECA}">
  <ds:schemaRefs/>
</ds:datastoreItem>
</file>

<file path=customXml/itemProps16.xml><?xml version="1.0" encoding="utf-8"?>
<ds:datastoreItem xmlns:ds="http://schemas.openxmlformats.org/officeDocument/2006/customXml" ds:itemID="{558EAE81-ED4A-4FBC-BA01-BE7984560331}">
  <ds:schemaRefs/>
</ds:datastoreItem>
</file>

<file path=customXml/itemProps17.xml><?xml version="1.0" encoding="utf-8"?>
<ds:datastoreItem xmlns:ds="http://schemas.openxmlformats.org/officeDocument/2006/customXml" ds:itemID="{EE284A63-9BB2-4D17-86CA-69935A0EDB6B}">
  <ds:schemaRefs/>
</ds:datastoreItem>
</file>

<file path=customXml/itemProps18.xml><?xml version="1.0" encoding="utf-8"?>
<ds:datastoreItem xmlns:ds="http://schemas.openxmlformats.org/officeDocument/2006/customXml" ds:itemID="{A5B9560C-8626-489A-8297-31325BDB3DC8}">
  <ds:schemaRefs/>
</ds:datastoreItem>
</file>

<file path=customXml/itemProps19.xml><?xml version="1.0" encoding="utf-8"?>
<ds:datastoreItem xmlns:ds="http://schemas.openxmlformats.org/officeDocument/2006/customXml" ds:itemID="{EC741574-39C1-4D02-8DCD-A630017C1080}">
  <ds:schemaRefs/>
</ds:datastoreItem>
</file>

<file path=customXml/itemProps2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83740D01-207A-4C69-850E-77FADE744EC3}">
  <ds:schemaRefs/>
</ds:datastoreItem>
</file>

<file path=customXml/itemProps21.xml><?xml version="1.0" encoding="utf-8"?>
<ds:datastoreItem xmlns:ds="http://schemas.openxmlformats.org/officeDocument/2006/customXml" ds:itemID="{BCDB107D-A87A-455D-9FE7-82280DB03E09}">
  <ds:schemaRefs/>
</ds:datastoreItem>
</file>

<file path=customXml/itemProps22.xml><?xml version="1.0" encoding="utf-8"?>
<ds:datastoreItem xmlns:ds="http://schemas.openxmlformats.org/officeDocument/2006/customXml" ds:itemID="{EBC74E66-2B97-4D0A-A76E-DECC4BC07FDD}">
  <ds:schemaRefs/>
</ds:datastoreItem>
</file>

<file path=customXml/itemProps23.xml><?xml version="1.0" encoding="utf-8"?>
<ds:datastoreItem xmlns:ds="http://schemas.openxmlformats.org/officeDocument/2006/customXml" ds:itemID="{5BA1133C-4FE2-49FA-B79E-C9B83840C17A}">
  <ds:schemaRefs/>
</ds:datastoreItem>
</file>

<file path=customXml/itemProps24.xml><?xml version="1.0" encoding="utf-8"?>
<ds:datastoreItem xmlns:ds="http://schemas.openxmlformats.org/officeDocument/2006/customXml" ds:itemID="{5DE8B174-FA10-42B1-8B05-0CA67F0C5FE1}">
  <ds:schemaRefs/>
</ds:datastoreItem>
</file>

<file path=customXml/itemProps25.xml><?xml version="1.0" encoding="utf-8"?>
<ds:datastoreItem xmlns:ds="http://schemas.openxmlformats.org/officeDocument/2006/customXml" ds:itemID="{BE345EFA-2517-4EC0-A976-21424F4206EB}">
  <ds:schemaRefs/>
</ds:datastoreItem>
</file>

<file path=customXml/itemProps26.xml><?xml version="1.0" encoding="utf-8"?>
<ds:datastoreItem xmlns:ds="http://schemas.openxmlformats.org/officeDocument/2006/customXml" ds:itemID="{3A80E705-F826-42F6-BA6C-DEEBC4B4D212}">
  <ds:schemaRefs/>
</ds:datastoreItem>
</file>

<file path=customXml/itemProps27.xml><?xml version="1.0" encoding="utf-8"?>
<ds:datastoreItem xmlns:ds="http://schemas.openxmlformats.org/officeDocument/2006/customXml" ds:itemID="{C973095E-AE50-408D-847D-CE9FC2EA4133}">
  <ds:schemaRefs/>
</ds:datastoreItem>
</file>

<file path=customXml/itemProps28.xml><?xml version="1.0" encoding="utf-8"?>
<ds:datastoreItem xmlns:ds="http://schemas.openxmlformats.org/officeDocument/2006/customXml" ds:itemID="{98F2635A-9401-4058-9F42-A90AA0CC82E5}">
  <ds:schemaRefs/>
</ds:datastoreItem>
</file>

<file path=customXml/itemProps29.xml><?xml version="1.0" encoding="utf-8"?>
<ds:datastoreItem xmlns:ds="http://schemas.openxmlformats.org/officeDocument/2006/customXml" ds:itemID="{BF2B9CB4-CDEB-4FF2-81AB-E0FBC3F29959}">
  <ds:schemaRefs/>
</ds:datastoreItem>
</file>

<file path=customXml/itemProps3.xml><?xml version="1.0" encoding="utf-8"?>
<ds:datastoreItem xmlns:ds="http://schemas.openxmlformats.org/officeDocument/2006/customXml" ds:itemID="{BEA9EFE8-435D-4264-9D4E-7E8FA8CEB3FA}">
  <ds:schemaRefs>
    <ds:schemaRef ds:uri="http://purl.org/dc/dcmitype/"/>
    <ds:schemaRef ds:uri="http://purl.org/dc/terms/"/>
    <ds:schemaRef ds:uri="http://www.w3.org/XML/1998/namespace"/>
    <ds:schemaRef ds:uri="http://purl.org/dc/elements/1.1/"/>
    <ds:schemaRef ds:uri="http://schemas.microsoft.com/office/2006/documentManagement/types"/>
    <ds:schemaRef ds:uri="d08b0760-57dd-437e-be5d-5105d6842521"/>
    <ds:schemaRef ds:uri="http://schemas.microsoft.com/office/infopath/2007/PartnerControls"/>
    <ds:schemaRef ds:uri="http://schemas.openxmlformats.org/package/2006/metadata/core-properties"/>
    <ds:schemaRef ds:uri="64bed620-86a9-426b-81ad-a74481fd4b72"/>
    <ds:schemaRef ds:uri="http://schemas.microsoft.com/office/2006/metadata/properties"/>
  </ds:schemaRefs>
</ds:datastoreItem>
</file>

<file path=customXml/itemProps30.xml><?xml version="1.0" encoding="utf-8"?>
<ds:datastoreItem xmlns:ds="http://schemas.openxmlformats.org/officeDocument/2006/customXml" ds:itemID="{358D62D9-E7B8-482F-92DD-29D3FAA035F9}">
  <ds:schemaRefs/>
</ds:datastoreItem>
</file>

<file path=customXml/itemProps31.xml><?xml version="1.0" encoding="utf-8"?>
<ds:datastoreItem xmlns:ds="http://schemas.openxmlformats.org/officeDocument/2006/customXml" ds:itemID="{EA05BED5-AC20-4661-B544-32AA97693438}">
  <ds:schemaRefs/>
</ds:datastoreItem>
</file>

<file path=customXml/itemProps32.xml><?xml version="1.0" encoding="utf-8"?>
<ds:datastoreItem xmlns:ds="http://schemas.openxmlformats.org/officeDocument/2006/customXml" ds:itemID="{7ABE7966-75EB-4788-88FA-237482FDDE35}">
  <ds:schemaRefs/>
</ds:datastoreItem>
</file>

<file path=customXml/itemProps33.xml><?xml version="1.0" encoding="utf-8"?>
<ds:datastoreItem xmlns:ds="http://schemas.openxmlformats.org/officeDocument/2006/customXml" ds:itemID="{BD1E68A5-F53A-4CD7-8938-10952E90BE05}">
  <ds:schemaRefs/>
</ds:datastoreItem>
</file>

<file path=customXml/itemProps34.xml><?xml version="1.0" encoding="utf-8"?>
<ds:datastoreItem xmlns:ds="http://schemas.openxmlformats.org/officeDocument/2006/customXml" ds:itemID="{55C759F1-1659-4B4B-A83B-D256EA7D61C5}">
  <ds:schemaRefs/>
</ds:datastoreItem>
</file>

<file path=customXml/itemProps35.xml><?xml version="1.0" encoding="utf-8"?>
<ds:datastoreItem xmlns:ds="http://schemas.openxmlformats.org/officeDocument/2006/customXml" ds:itemID="{4F3A8CDE-EB6C-4A47-AB71-9AEAF48C12C4}">
  <ds:schemaRefs/>
</ds:datastoreItem>
</file>

<file path=customXml/itemProps36.xml><?xml version="1.0" encoding="utf-8"?>
<ds:datastoreItem xmlns:ds="http://schemas.openxmlformats.org/officeDocument/2006/customXml" ds:itemID="{6B43964A-D402-46DB-9192-D22B26B001C1}">
  <ds:schemaRefs/>
</ds:datastoreItem>
</file>

<file path=customXml/itemProps37.xml><?xml version="1.0" encoding="utf-8"?>
<ds:datastoreItem xmlns:ds="http://schemas.openxmlformats.org/officeDocument/2006/customXml" ds:itemID="{8FE1953B-2095-4EF9-BFF4-B7A8AC700EE9}">
  <ds:schemaRefs/>
</ds:datastoreItem>
</file>

<file path=customXml/itemProps38.xml><?xml version="1.0" encoding="utf-8"?>
<ds:datastoreItem xmlns:ds="http://schemas.openxmlformats.org/officeDocument/2006/customXml" ds:itemID="{F8F8516B-68DE-4156-B6CB-F3149C28D838}">
  <ds:schemaRefs/>
</ds:datastoreItem>
</file>

<file path=customXml/itemProps39.xml><?xml version="1.0" encoding="utf-8"?>
<ds:datastoreItem xmlns:ds="http://schemas.openxmlformats.org/officeDocument/2006/customXml" ds:itemID="{BE0A30A9-690D-4FA6-B8E0-E9BF2A5236F1}">
  <ds:schemaRefs/>
</ds:datastoreItem>
</file>

<file path=customXml/itemProps4.xml><?xml version="1.0" encoding="utf-8"?>
<ds:datastoreItem xmlns:ds="http://schemas.openxmlformats.org/officeDocument/2006/customXml" ds:itemID="{66553269-4FF6-4D45-9727-85E374EDFFA8}">
  <ds:schemaRefs/>
</ds:datastoreItem>
</file>

<file path=customXml/itemProps40.xml><?xml version="1.0" encoding="utf-8"?>
<ds:datastoreItem xmlns:ds="http://schemas.openxmlformats.org/officeDocument/2006/customXml" ds:itemID="{A098F3CE-032A-4D4F-87C5-B53611BF1A7F}">
  <ds:schemaRefs/>
</ds:datastoreItem>
</file>

<file path=customXml/itemProps41.xml><?xml version="1.0" encoding="utf-8"?>
<ds:datastoreItem xmlns:ds="http://schemas.openxmlformats.org/officeDocument/2006/customXml" ds:itemID="{9671EC5C-A300-405A-87BA-BD843A8EFBAD}">
  <ds:schemaRefs/>
</ds:datastoreItem>
</file>

<file path=customXml/itemProps42.xml><?xml version="1.0" encoding="utf-8"?>
<ds:datastoreItem xmlns:ds="http://schemas.openxmlformats.org/officeDocument/2006/customXml" ds:itemID="{B3DCD8D5-822F-4693-8221-159F02362F5F}">
  <ds:schemaRefs/>
</ds:datastoreItem>
</file>

<file path=customXml/itemProps43.xml><?xml version="1.0" encoding="utf-8"?>
<ds:datastoreItem xmlns:ds="http://schemas.openxmlformats.org/officeDocument/2006/customXml" ds:itemID="{6CDB2BA5-7028-4DDA-BF22-A0AAABFE730E}">
  <ds:schemaRefs/>
</ds:datastoreItem>
</file>

<file path=customXml/itemProps44.xml><?xml version="1.0" encoding="utf-8"?>
<ds:datastoreItem xmlns:ds="http://schemas.openxmlformats.org/officeDocument/2006/customXml" ds:itemID="{5F658EEE-6235-4B09-9CA3-1A12F59B3917}">
  <ds:schemaRefs/>
</ds:datastoreItem>
</file>

<file path=customXml/itemProps45.xml><?xml version="1.0" encoding="utf-8"?>
<ds:datastoreItem xmlns:ds="http://schemas.openxmlformats.org/officeDocument/2006/customXml" ds:itemID="{76FF478C-EBC1-46D7-ADDA-1ACE9F3EEFFA}">
  <ds:schemaRefs/>
</ds:datastoreItem>
</file>

<file path=customXml/itemProps46.xml><?xml version="1.0" encoding="utf-8"?>
<ds:datastoreItem xmlns:ds="http://schemas.openxmlformats.org/officeDocument/2006/customXml" ds:itemID="{672DA79E-AA62-42FA-B34B-1B158753B0A5}">
  <ds:schemaRefs/>
</ds:datastoreItem>
</file>

<file path=customXml/itemProps47.xml><?xml version="1.0" encoding="utf-8"?>
<ds:datastoreItem xmlns:ds="http://schemas.openxmlformats.org/officeDocument/2006/customXml" ds:itemID="{1B60E64A-18E1-48A6-83FF-5B0D2D66A292}">
  <ds:schemaRefs/>
</ds:datastoreItem>
</file>

<file path=customXml/itemProps48.xml><?xml version="1.0" encoding="utf-8"?>
<ds:datastoreItem xmlns:ds="http://schemas.openxmlformats.org/officeDocument/2006/customXml" ds:itemID="{C8FEEB92-E430-4109-9330-15CCE1FFEBA8}">
  <ds:schemaRefs/>
</ds:datastoreItem>
</file>

<file path=customXml/itemProps49.xml><?xml version="1.0" encoding="utf-8"?>
<ds:datastoreItem xmlns:ds="http://schemas.openxmlformats.org/officeDocument/2006/customXml" ds:itemID="{D6106447-B329-42FC-A072-D6490744F192}">
  <ds:schemaRefs/>
</ds:datastoreItem>
</file>

<file path=customXml/itemProps5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0.xml><?xml version="1.0" encoding="utf-8"?>
<ds:datastoreItem xmlns:ds="http://schemas.openxmlformats.org/officeDocument/2006/customXml" ds:itemID="{217EA1EC-90D8-4D4D-AEC1-5A080F3FA89C}">
  <ds:schemaRefs/>
</ds:datastoreItem>
</file>

<file path=customXml/itemProps51.xml><?xml version="1.0" encoding="utf-8"?>
<ds:datastoreItem xmlns:ds="http://schemas.openxmlformats.org/officeDocument/2006/customXml" ds:itemID="{78385EB6-83CC-423C-9674-292A4C6ACF6D}">
  <ds:schemaRefs/>
</ds:datastoreItem>
</file>

<file path=customXml/itemProps52.xml><?xml version="1.0" encoding="utf-8"?>
<ds:datastoreItem xmlns:ds="http://schemas.openxmlformats.org/officeDocument/2006/customXml" ds:itemID="{64B7CA21-5B42-4DD5-9D36-5F9A657A5E4C}">
  <ds:schemaRefs/>
</ds:datastoreItem>
</file>

<file path=customXml/itemProps53.xml><?xml version="1.0" encoding="utf-8"?>
<ds:datastoreItem xmlns:ds="http://schemas.openxmlformats.org/officeDocument/2006/customXml" ds:itemID="{20852C27-B4B2-4002-AC6A-E27C121C8B5D}">
  <ds:schemaRefs/>
</ds:datastoreItem>
</file>

<file path=customXml/itemProps54.xml><?xml version="1.0" encoding="utf-8"?>
<ds:datastoreItem xmlns:ds="http://schemas.openxmlformats.org/officeDocument/2006/customXml" ds:itemID="{50D19462-7BE4-49EF-ACAD-55755F3ED23B}">
  <ds:schemaRefs/>
</ds:datastoreItem>
</file>

<file path=customXml/itemProps55.xml><?xml version="1.0" encoding="utf-8"?>
<ds:datastoreItem xmlns:ds="http://schemas.openxmlformats.org/officeDocument/2006/customXml" ds:itemID="{5FD26C96-0520-466A-BA69-28D822A9AEEF}">
  <ds:schemaRefs/>
</ds:datastoreItem>
</file>

<file path=customXml/itemProps6.xml><?xml version="1.0" encoding="utf-8"?>
<ds:datastoreItem xmlns:ds="http://schemas.openxmlformats.org/officeDocument/2006/customXml" ds:itemID="{47C1C4D1-2AA0-4E2D-9B5F-D6FD321DB166}">
  <ds:schemaRefs/>
</ds:datastoreItem>
</file>

<file path=customXml/itemProps7.xml><?xml version="1.0" encoding="utf-8"?>
<ds:datastoreItem xmlns:ds="http://schemas.openxmlformats.org/officeDocument/2006/customXml" ds:itemID="{2F91A98B-433B-412D-8A70-96F9008AB9F3}">
  <ds:schemaRefs/>
</ds:datastoreItem>
</file>

<file path=customXml/itemProps8.xml><?xml version="1.0" encoding="utf-8"?>
<ds:datastoreItem xmlns:ds="http://schemas.openxmlformats.org/officeDocument/2006/customXml" ds:itemID="{025C4E40-6769-4119-A425-A6E141E281FD}">
  <ds:schemaRefs/>
</ds:datastoreItem>
</file>

<file path=customXml/itemProps9.xml><?xml version="1.0" encoding="utf-8"?>
<ds:datastoreItem xmlns:ds="http://schemas.openxmlformats.org/officeDocument/2006/customXml" ds:itemID="{A74036DC-AB31-49FA-826C-6C63F5192D9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4623</TotalTime>
  <Words>1770</Words>
  <Application>Microsoft Office PowerPoint</Application>
  <PresentationFormat>Widescreen</PresentationFormat>
  <Paragraphs>487</Paragraphs>
  <Slides>2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1" baseType="lpstr">
      <vt:lpstr>Arial</vt:lpstr>
      <vt:lpstr>Avenir Next</vt:lpstr>
      <vt:lpstr>Calibri</vt:lpstr>
      <vt:lpstr>Courier New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Wireless: Response &amp; Approval Rates – All Form Types</vt:lpstr>
      <vt:lpstr>Wireline: Response &amp; Approval Rates – All Form Types</vt:lpstr>
      <vt:lpstr>PowerPoint Presentation</vt:lpstr>
      <vt:lpstr>PowerPoint Presentation</vt:lpstr>
      <vt:lpstr>Top 5 Service Providers by Subscriber Counts</vt:lpstr>
      <vt:lpstr>Top 5 Service Providers by Subscriber Counts</vt:lpstr>
      <vt:lpstr>Enrollment Eligibility Methods – Program versus Income</vt:lpstr>
      <vt:lpstr>Enrollment Eligibility Methods – By Qualifying Program</vt:lpstr>
      <vt:lpstr>Enrollment Application Volume By Received Channel December 2022 – November 2023</vt:lpstr>
      <vt:lpstr>Renewal Form Volume By Received Channel  December 2022 – November 2023</vt:lpstr>
      <vt:lpstr>Renewal Rate September 2022 – August 2023*</vt:lpstr>
      <vt:lpstr>Standalone IEH Volume By Received Channel  December 2022 – November 2023</vt:lpstr>
      <vt:lpstr>Monthly Inbound Call Volumes – English &amp; Spanish December 2022 through November 2023</vt:lpstr>
      <vt:lpstr>Monthly Inbound Call Volumes – English &amp; Spanish December 2022 through November 2023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Graettinger, James R</cp:lastModifiedBy>
  <cp:revision>69</cp:revision>
  <dcterms:created xsi:type="dcterms:W3CDTF">2022-06-20T13:30:03Z</dcterms:created>
  <dcterms:modified xsi:type="dcterms:W3CDTF">2023-12-14T14:16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